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337 Lieky skupiny B05BA10, C07AB14\05. JOSEPHINE\02. Zverejnené\"/>
    </mc:Choice>
  </mc:AlternateContent>
  <bookViews>
    <workbookView xWindow="0" yWindow="0" windowWidth="20490" windowHeight="7755" tabRatio="936" activeTab="11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- časť 1" sheetId="280" r:id="rId5"/>
    <sheet name="Príloha č. 5 - časť 2" sheetId="312" r:id="rId6"/>
    <sheet name=" Príloha č. 6 - časť 1" sheetId="234" r:id="rId7"/>
    <sheet name=" Príloha č. 6 - časť 2" sheetId="273" r:id="rId8"/>
    <sheet name="Príloha č. 7 - časť 1 " sheetId="202" r:id="rId9"/>
    <sheet name="Príloha č. 7 - časť 2" sheetId="245" r:id="rId10"/>
    <sheet name="Príloha č. 8" sheetId="209" r:id="rId11"/>
    <sheet name="Príloha č. 9" sheetId="311" r:id="rId12"/>
  </sheets>
  <externalReferences>
    <externalReference r:id="rId13"/>
    <externalReference r:id="rId14"/>
  </externalReferences>
  <definedNames>
    <definedName name="_xlnm.Print_Area" localSheetId="6">' Príloha č. 6 - časť 1'!$A$1:$K$22</definedName>
    <definedName name="_xlnm.Print_Area" localSheetId="7">' Príloha č. 6 - časť 2'!$A$1:$K$22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31</definedName>
    <definedName name="_xlnm.Print_Area" localSheetId="3">'Príloha č. 4 '!$A$1:$D$20</definedName>
    <definedName name="_xlnm.Print_Area" localSheetId="4">'Príloha č. 5 - časť 1'!$A$1:$F$31</definedName>
    <definedName name="_xlnm.Print_Area" localSheetId="5">'Príloha č. 5 - časť 2'!$A$1:$F$31</definedName>
    <definedName name="_xlnm.Print_Area" localSheetId="8">'Príloha č. 7 - časť 1 '!$A$1:$Q$26</definedName>
    <definedName name="_xlnm.Print_Area" localSheetId="9">'Príloha č. 7 - časť 2'!$A$1:$Q$26</definedName>
    <definedName name="_xlnm.Print_Area" localSheetId="10">'Príloha č. 8'!$A$1:$F$30</definedName>
    <definedName name="_xlnm.Print_Area" localSheetId="11">'Príloha č. 9'!$A$1:$H$2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9" i="312" l="1"/>
  <c r="B28" i="312"/>
  <c r="D25" i="312"/>
  <c r="D24" i="312"/>
  <c r="D23" i="312"/>
  <c r="D22" i="312"/>
  <c r="A2" i="312"/>
  <c r="B21" i="311" l="1"/>
  <c r="B22" i="311"/>
  <c r="D26" i="311"/>
  <c r="C17" i="245" l="1"/>
  <c r="C18" i="245"/>
  <c r="C19" i="245"/>
  <c r="C20" i="245"/>
  <c r="B23" i="245"/>
  <c r="B24" i="245"/>
  <c r="C20" i="202"/>
  <c r="B29" i="280"/>
  <c r="B28" i="280"/>
  <c r="D25" i="280"/>
  <c r="D24" i="280"/>
  <c r="D23" i="280"/>
  <c r="D22" i="280"/>
  <c r="A2" i="280"/>
  <c r="B20" i="273"/>
  <c r="B19" i="273"/>
  <c r="C16" i="273"/>
  <c r="C15" i="273"/>
  <c r="C14" i="273"/>
  <c r="C13" i="273"/>
  <c r="D9" i="273"/>
  <c r="I8" i="273"/>
  <c r="G8" i="273"/>
  <c r="H8" i="273"/>
  <c r="A2" i="273"/>
  <c r="I9" i="273"/>
  <c r="J8" i="273"/>
  <c r="K8" i="273" s="1"/>
  <c r="K9" i="273" s="1"/>
  <c r="A2" i="245"/>
  <c r="B20" i="234"/>
  <c r="B19" i="234"/>
  <c r="C16" i="234"/>
  <c r="C15" i="234"/>
  <c r="C14" i="234"/>
  <c r="C13" i="234"/>
  <c r="D9" i="234"/>
  <c r="I8" i="234"/>
  <c r="I9" i="234"/>
  <c r="G8" i="234"/>
  <c r="H8" i="234"/>
  <c r="A2" i="234"/>
  <c r="J8" i="234"/>
  <c r="K8" i="234" s="1"/>
  <c r="K9" i="234" s="1"/>
  <c r="A2" i="18"/>
  <c r="A2" i="209"/>
  <c r="E30" i="209"/>
  <c r="B27" i="209"/>
  <c r="B26" i="209"/>
  <c r="B24" i="202"/>
  <c r="B23" i="202"/>
  <c r="C19" i="202"/>
  <c r="C18" i="202"/>
  <c r="C17" i="202"/>
  <c r="A2" i="202"/>
  <c r="C7" i="5"/>
  <c r="C6" i="5"/>
  <c r="B24" i="18"/>
  <c r="B23" i="18"/>
  <c r="C9" i="18"/>
  <c r="C8" i="18"/>
  <c r="C7" i="18"/>
  <c r="C6" i="18"/>
  <c r="B22" i="5"/>
  <c r="B23" i="5"/>
  <c r="C9" i="5"/>
  <c r="C8" i="5"/>
  <c r="A2" i="5"/>
  <c r="D97" i="4"/>
</calcChain>
</file>

<file path=xl/sharedStrings.xml><?xml version="1.0" encoding="utf-8"?>
<sst xmlns="http://schemas.openxmlformats.org/spreadsheetml/2006/main" count="386" uniqueCount="149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Katalógové číslo</t>
  </si>
  <si>
    <t>Výrobca ponúkaného produktu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>Časť č.</t>
  </si>
  <si>
    <t>Názov príslušnej časti predmetu zákazky</t>
  </si>
  <si>
    <t xml:space="preserve">spĺňa/nespĺňa </t>
  </si>
  <si>
    <t>Jednotková cena za MJ v EUR</t>
  </si>
  <si>
    <t xml:space="preserve">sadzba DPH v % 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SPOLU za časť č. 1 predmetu zákazky:</t>
  </si>
  <si>
    <t xml:space="preserve">DPH v EUR </t>
  </si>
  <si>
    <t>Celková cena za predpokladané množstvo MJ v EUR</t>
  </si>
  <si>
    <t>..............................................</t>
  </si>
  <si>
    <t xml:space="preserve">Názov položky 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36 mesiacov)</t>
    </r>
  </si>
  <si>
    <t>Predpokladané množstvo MJ počas trvania zmluvy 
(36 mesiacov)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Podpis a pečiatka:</t>
  </si>
  <si>
    <t>Meno a priezvisko oprávnenej osoby na podpisovanie:</t>
  </si>
  <si>
    <r>
      <t xml:space="preserve">Podpis podľa bodu 10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ne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>II.</t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 xml:space="preserve">I. </t>
  </si>
  <si>
    <t>Mená osôb, ktoré podľa § 32 odseku 7 ZVO musia spĺňať podmienky účasti podľa § 32 odseku 1 písm. a) ZVO.</t>
  </si>
  <si>
    <t>sú mi známe iné osoby podľa § 32 odseku 7 ZVO, ktoré zároveň musia spĺňať podmienky účasti podľa § 32 odseku 1 písm. a) ZVO:</t>
  </si>
  <si>
    <t>nie je mi známa iná osoba podľa § 32 odseku 7 ZVO, ktorá zároveň musí spĺňať podmienky účasti podľa § 32 odseku 1 písm. a) ZVO.</t>
  </si>
  <si>
    <t>Ako uchádzač v tomto verejnom obstarávaní čestne vyhlasujem, že</t>
  </si>
  <si>
    <t xml:space="preserve">ČESTNÉ VYHLÁSENIE UCHÁDZAČA PODĽA § 32 ODS. 7 a ODS. 8 ZVO  </t>
  </si>
  <si>
    <r>
      <t xml:space="preserve">Podpis podľa bodu 10.8 časti 
</t>
    </r>
    <r>
      <rPr>
        <sz val="8"/>
        <color theme="1"/>
        <rFont val="Times New Roman"/>
        <family val="1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0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Podpis podľa bodu 10.8 časti 
A - Pokyny pre záujemcov a uchádzačov súťažných podkladov</t>
  </si>
  <si>
    <r>
      <t xml:space="preserve">   Podpis podľa bodu 10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ATC skupina:</t>
  </si>
  <si>
    <t>názov ATC skupiny:</t>
  </si>
  <si>
    <t xml:space="preserve">názov účinnej látky: </t>
  </si>
  <si>
    <t>merná jednotka:</t>
  </si>
  <si>
    <t>množstvo účinnej látky v mernej jednotke:</t>
  </si>
  <si>
    <t>lieková forma:</t>
  </si>
  <si>
    <t>cesta podania:</t>
  </si>
  <si>
    <t>intravenózne použitie</t>
  </si>
  <si>
    <t>vonkajší obal ponúkaných produktov musí obsahovať údaje podľa § 61 ods. 1 zákona č. 362/2011 Z.z. o liekoch a zdravotníckych pomôckach a o zmene a doplnení niektorých zákonov v znení neskorších predpisov.</t>
  </si>
  <si>
    <t>obal:</t>
  </si>
  <si>
    <t>liekovka injekčná sklenená</t>
  </si>
  <si>
    <t>kus</t>
  </si>
  <si>
    <t>prášok na infúzny roztok</t>
  </si>
  <si>
    <t>SPOLU za časť č. 2 predmetu zákazky:</t>
  </si>
  <si>
    <t>ŠUKL kód</t>
  </si>
  <si>
    <t>ATC Skupina</t>
  </si>
  <si>
    <t>Názov ponúkaného produktu</t>
  </si>
  <si>
    <t>Názov účinnej látky</t>
  </si>
  <si>
    <t>Lieková forma</t>
  </si>
  <si>
    <t>Cesta podania</t>
  </si>
  <si>
    <t>Množstvo účinnej látky v MJ</t>
  </si>
  <si>
    <t>Merná jednotka (MJ)</t>
  </si>
  <si>
    <t>Merná jednotka balenia (MJB)</t>
  </si>
  <si>
    <t>Počet MJ 
v MJB
(veľkosť balenia)</t>
  </si>
  <si>
    <t>Lieky skupiny ATC B05BA10, C07AB14</t>
  </si>
  <si>
    <t>Časť č. 1 - Roztoky na parenterálnu výživu - kombinácie</t>
  </si>
  <si>
    <t>Položka č. 1 - Viaczložkový prípravok</t>
  </si>
  <si>
    <t>8</t>
  </si>
  <si>
    <t>9</t>
  </si>
  <si>
    <t>B05BA10</t>
  </si>
  <si>
    <t>Kombinácie</t>
  </si>
  <si>
    <t>viaczložkový prípravok</t>
  </si>
  <si>
    <t>trojkomorový vak</t>
  </si>
  <si>
    <t>veľkosť mernej jednotky:</t>
  </si>
  <si>
    <t>2025 ml</t>
  </si>
  <si>
    <r>
      <t>Roztok aminokyselín 10</t>
    </r>
    <r>
      <rPr>
        <sz val="9"/>
        <color theme="1"/>
        <rFont val="Calibri"/>
        <family val="2"/>
        <charset val="238"/>
      </rPr>
      <t>%</t>
    </r>
    <r>
      <rPr>
        <sz val="9"/>
        <color theme="1"/>
        <rFont val="Arial"/>
        <family val="2"/>
        <charset val="238"/>
      </rPr>
      <t xml:space="preserve"> a eletrolytov 1325 ml, glukóza 42 </t>
    </r>
    <r>
      <rPr>
        <sz val="9"/>
        <color theme="1"/>
        <rFont val="Calibri"/>
        <family val="2"/>
        <charset val="238"/>
      </rPr>
      <t>%</t>
    </r>
    <r>
      <rPr>
        <sz val="9"/>
        <color theme="1"/>
        <rFont val="Arial"/>
        <family val="2"/>
        <charset val="238"/>
      </rPr>
      <t xml:space="preserve"> 408 ml, lipidová emulzia 20 </t>
    </r>
    <r>
      <rPr>
        <sz val="9"/>
        <color theme="1"/>
        <rFont val="Calibri"/>
        <family val="2"/>
        <charset val="238"/>
      </rPr>
      <t>%</t>
    </r>
    <r>
      <rPr>
        <sz val="9"/>
        <color theme="1"/>
        <rFont val="Arial"/>
        <family val="2"/>
        <charset val="238"/>
      </rPr>
      <t xml:space="preserve"> 292 ml</t>
    </r>
  </si>
  <si>
    <t>infúzna emulzia</t>
  </si>
  <si>
    <t>vak Biofin</t>
  </si>
  <si>
    <t>Časť č. 2 - Landiolol</t>
  </si>
  <si>
    <t>Položka č. 1 - Landiolol</t>
  </si>
  <si>
    <t>10</t>
  </si>
  <si>
    <t>C07AB14</t>
  </si>
  <si>
    <t>Landiolol</t>
  </si>
  <si>
    <t>50ml</t>
  </si>
  <si>
    <t>300mg</t>
  </si>
  <si>
    <t>Časť č. 2 -  Landiolol</t>
  </si>
  <si>
    <t>Položka č.1 -  Landiolol</t>
  </si>
  <si>
    <t>1148</t>
  </si>
  <si>
    <t>1617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"/>
    <numFmt numFmtId="166" formatCode="0.0000"/>
  </numFmts>
  <fonts count="32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u/>
      <sz val="10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color theme="1"/>
      <name val="Calibri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2"/>
        <bgColor indexed="64"/>
      </patternFill>
    </fill>
  </fills>
  <borders count="13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/>
      <right style="dotted">
        <color auto="1"/>
      </right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auto="1"/>
      </bottom>
      <diagonal/>
    </border>
    <border>
      <left/>
      <right/>
      <top/>
      <bottom style="thin">
        <color rgb="FFFF0000"/>
      </bottom>
      <diagonal/>
    </border>
    <border>
      <left style="medium">
        <color auto="1"/>
      </left>
      <right style="thin">
        <color rgb="FFFF0000"/>
      </right>
      <top/>
      <bottom style="thin">
        <color rgb="FFFF0000"/>
      </bottom>
      <diagonal/>
    </border>
    <border>
      <left style="thin">
        <color auto="1"/>
      </left>
      <right style="thin">
        <color auto="1"/>
      </right>
      <top/>
      <bottom style="thin">
        <color rgb="FFFF0000"/>
      </bottom>
      <diagonal/>
    </border>
    <border>
      <left/>
      <right style="dotted">
        <color auto="1"/>
      </right>
      <top/>
      <bottom style="thin">
        <color rgb="FFFF0000"/>
      </bottom>
      <diagonal/>
    </border>
    <border>
      <left style="dotted">
        <color auto="1"/>
      </left>
      <right/>
      <top/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rgb="FFFF0000"/>
      </bottom>
      <diagonal/>
    </border>
    <border>
      <left style="dotted">
        <color auto="1"/>
      </left>
      <right style="thin">
        <color auto="1"/>
      </right>
      <top/>
      <bottom style="thin">
        <color rgb="FFFF0000"/>
      </bottom>
      <diagonal/>
    </border>
    <border>
      <left/>
      <right style="thin">
        <color rgb="FFFF0000"/>
      </right>
      <top/>
      <bottom style="thin">
        <color rgb="FFFF0000"/>
      </bottom>
      <diagonal/>
    </border>
    <border>
      <left style="thin">
        <color indexed="64"/>
      </left>
      <right style="thin">
        <color indexed="64"/>
      </right>
      <top style="thin">
        <color rgb="FFFF0000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thin">
        <color indexed="64"/>
      </left>
      <right style="thin">
        <color auto="1"/>
      </right>
      <top style="thin">
        <color auto="1"/>
      </top>
      <bottom style="thin">
        <color rgb="FFFF0000"/>
      </bottom>
      <diagonal/>
    </border>
    <border>
      <left style="thin">
        <color auto="1"/>
      </left>
      <right/>
      <top style="thin">
        <color rgb="FFFF0000"/>
      </top>
      <bottom style="thin">
        <color rgb="FFFF0000"/>
      </bottom>
      <diagonal/>
    </border>
    <border>
      <left style="thin">
        <color indexed="64"/>
      </left>
      <right/>
      <top style="thin">
        <color auto="1"/>
      </top>
      <bottom style="thin">
        <color rgb="FFFF0000"/>
      </bottom>
      <diagonal/>
    </border>
    <border>
      <left style="thin">
        <color indexed="64"/>
      </left>
      <right style="thin">
        <color rgb="FFFF0000"/>
      </right>
      <top style="thin">
        <color auto="1"/>
      </top>
      <bottom style="thin">
        <color rgb="FFFF0000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8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</cellStyleXfs>
  <cellXfs count="447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1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22" xfId="0" applyFont="1" applyBorder="1" applyAlignment="1" applyProtection="1">
      <alignment horizontal="center" vertical="center" wrapText="1"/>
      <protection locked="0"/>
    </xf>
    <xf numFmtId="0" fontId="7" fillId="0" borderId="23" xfId="0" applyFont="1" applyBorder="1" applyAlignment="1" applyProtection="1">
      <alignment horizontal="center" vertical="center" wrapText="1"/>
      <protection locked="0"/>
    </xf>
    <xf numFmtId="0" fontId="7" fillId="0" borderId="18" xfId="0" applyFont="1" applyBorder="1" applyAlignment="1" applyProtection="1">
      <alignment horizontal="center" vertical="top" wrapText="1"/>
      <protection locked="0"/>
    </xf>
    <xf numFmtId="0" fontId="7" fillId="0" borderId="9" xfId="0" applyFont="1" applyBorder="1" applyAlignment="1" applyProtection="1">
      <alignment horizontal="center" vertical="center" wrapText="1"/>
      <protection locked="0"/>
    </xf>
    <xf numFmtId="3" fontId="7" fillId="0" borderId="18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0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31" xfId="0" applyFont="1" applyBorder="1" applyAlignment="1" applyProtection="1">
      <alignment horizontal="center" vertical="top" wrapText="1"/>
      <protection locked="0"/>
    </xf>
    <xf numFmtId="0" fontId="9" fillId="0" borderId="32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37" xfId="0" applyFont="1" applyFill="1" applyBorder="1" applyAlignment="1" applyProtection="1">
      <alignment horizontal="center" vertical="center" wrapText="1"/>
      <protection locked="0"/>
    </xf>
    <xf numFmtId="0" fontId="7" fillId="3" borderId="38" xfId="0" applyFont="1" applyFill="1" applyBorder="1" applyAlignment="1" applyProtection="1">
      <alignment horizontal="center" vertical="center" wrapText="1"/>
      <protection locked="0"/>
    </xf>
    <xf numFmtId="0" fontId="7" fillId="3" borderId="39" xfId="0" applyFont="1" applyFill="1" applyBorder="1" applyAlignment="1" applyProtection="1">
      <alignment horizontal="center" vertical="center" wrapText="1"/>
      <protection locked="0"/>
    </xf>
    <xf numFmtId="0" fontId="7" fillId="3" borderId="42" xfId="0" applyFont="1" applyFill="1" applyBorder="1" applyAlignment="1" applyProtection="1">
      <alignment horizontal="center" vertical="center" wrapText="1"/>
      <protection locked="0"/>
    </xf>
    <xf numFmtId="0" fontId="7" fillId="3" borderId="44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48" xfId="0" applyFont="1" applyFill="1" applyBorder="1" applyAlignment="1" applyProtection="1">
      <alignment horizontal="center" vertical="center" wrapText="1"/>
      <protection locked="0"/>
    </xf>
    <xf numFmtId="0" fontId="7" fillId="3" borderId="49" xfId="0" applyFont="1" applyFill="1" applyBorder="1" applyAlignment="1" applyProtection="1">
      <alignment horizontal="center" vertical="center" wrapText="1"/>
      <protection locked="0"/>
    </xf>
    <xf numFmtId="0" fontId="7" fillId="3" borderId="51" xfId="0" applyFont="1" applyFill="1" applyBorder="1" applyAlignment="1" applyProtection="1">
      <alignment horizontal="center" vertical="top" wrapText="1"/>
      <protection locked="0"/>
    </xf>
    <xf numFmtId="0" fontId="7" fillId="3" borderId="45" xfId="0" applyFont="1" applyFill="1" applyBorder="1" applyAlignment="1" applyProtection="1">
      <alignment horizontal="center" vertical="top" wrapText="1"/>
      <protection locked="0"/>
    </xf>
    <xf numFmtId="0" fontId="7" fillId="3" borderId="47" xfId="0" applyFont="1" applyFill="1" applyBorder="1" applyAlignment="1" applyProtection="1">
      <alignment horizontal="center" vertical="top" wrapText="1"/>
      <protection locked="0"/>
    </xf>
    <xf numFmtId="49" fontId="9" fillId="0" borderId="50" xfId="0" applyNumberFormat="1" applyFont="1" applyBorder="1" applyAlignment="1" applyProtection="1">
      <alignment horizontal="center" vertical="center" wrapText="1"/>
      <protection locked="0"/>
    </xf>
    <xf numFmtId="49" fontId="9" fillId="0" borderId="15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53" xfId="0" applyNumberFormat="1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9" fillId="0" borderId="0" xfId="0" applyFont="1" applyAlignment="1">
      <alignment horizontal="left"/>
    </xf>
    <xf numFmtId="0" fontId="9" fillId="0" borderId="0" xfId="0" applyFont="1"/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73" xfId="0" applyFont="1" applyFill="1" applyBorder="1" applyAlignment="1" applyProtection="1">
      <alignment horizontal="center" vertical="center" wrapText="1"/>
      <protection locked="0"/>
    </xf>
    <xf numFmtId="0" fontId="7" fillId="3" borderId="74" xfId="0" applyFont="1" applyFill="1" applyBorder="1" applyAlignment="1" applyProtection="1">
      <alignment horizontal="center" vertical="center" wrapText="1"/>
      <protection locked="0"/>
    </xf>
    <xf numFmtId="0" fontId="10" fillId="0" borderId="36" xfId="0" applyFont="1" applyBorder="1" applyAlignment="1" applyProtection="1">
      <alignment vertical="center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3" xfId="0" applyNumberFormat="1" applyFont="1" applyBorder="1" applyAlignment="1" applyProtection="1">
      <alignment vertical="center" wrapText="1"/>
      <protection locked="0"/>
    </xf>
    <xf numFmtId="49" fontId="9" fillId="0" borderId="35" xfId="0" applyNumberFormat="1" applyFont="1" applyBorder="1" applyAlignment="1" applyProtection="1">
      <alignment vertical="center" wrapText="1"/>
      <protection locked="0"/>
    </xf>
    <xf numFmtId="49" fontId="9" fillId="0" borderId="11" xfId="0" applyNumberFormat="1" applyFont="1" applyBorder="1" applyAlignment="1" applyProtection="1">
      <alignment vertical="center" wrapText="1"/>
      <protection locked="0"/>
    </xf>
    <xf numFmtId="49" fontId="9" fillId="0" borderId="12" xfId="0" applyNumberFormat="1" applyFont="1" applyBorder="1" applyAlignment="1" applyProtection="1">
      <alignment vertical="center" wrapText="1"/>
      <protection locked="0"/>
    </xf>
    <xf numFmtId="49" fontId="9" fillId="0" borderId="34" xfId="0" applyNumberFormat="1" applyFont="1" applyBorder="1" applyAlignment="1" applyProtection="1">
      <alignment vertical="center" wrapText="1"/>
      <protection locked="0"/>
    </xf>
    <xf numFmtId="49" fontId="9" fillId="0" borderId="46" xfId="0" applyNumberFormat="1" applyFont="1" applyBorder="1" applyAlignment="1" applyProtection="1">
      <alignment horizontal="center" vertical="center" wrapText="1"/>
      <protection locked="0"/>
    </xf>
    <xf numFmtId="49" fontId="9" fillId="0" borderId="3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0" fontId="9" fillId="0" borderId="10" xfId="0" applyFont="1" applyBorder="1" applyAlignment="1">
      <alignment horizontal="left" vertical="center" wrapText="1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3" fontId="9" fillId="0" borderId="36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0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22" xfId="0" applyFont="1" applyBorder="1" applyAlignment="1" applyProtection="1">
      <alignment horizontal="center" vertical="center" wrapText="1"/>
      <protection locked="0"/>
    </xf>
    <xf numFmtId="0" fontId="9" fillId="0" borderId="23" xfId="0" applyFont="1" applyBorder="1" applyAlignment="1" applyProtection="1">
      <alignment horizontal="center" vertical="center" wrapText="1"/>
      <protection locked="0"/>
    </xf>
    <xf numFmtId="0" fontId="9" fillId="0" borderId="14" xfId="0" applyFont="1" applyBorder="1" applyAlignment="1" applyProtection="1">
      <alignment horizontal="center" vertical="center" wrapText="1"/>
      <protection locked="0"/>
    </xf>
    <xf numFmtId="0" fontId="9" fillId="0" borderId="4" xfId="0" applyFont="1" applyBorder="1" applyAlignment="1" applyProtection="1">
      <alignment horizontal="center" vertical="center" wrapText="1"/>
      <protection locked="0"/>
    </xf>
    <xf numFmtId="0" fontId="9" fillId="0" borderId="30" xfId="0" applyFont="1" applyBorder="1" applyAlignment="1" applyProtection="1">
      <alignment horizontal="center" vertical="center" wrapText="1"/>
      <protection locked="0"/>
    </xf>
    <xf numFmtId="49" fontId="9" fillId="0" borderId="78" xfId="0" applyNumberFormat="1" applyFont="1" applyBorder="1" applyAlignment="1">
      <alignment horizontal="center" vertical="center" wrapText="1"/>
    </xf>
    <xf numFmtId="0" fontId="7" fillId="3" borderId="80" xfId="0" applyFont="1" applyFill="1" applyBorder="1" applyAlignment="1" applyProtection="1">
      <alignment horizontal="center" vertical="top" wrapText="1"/>
      <protection locked="0"/>
    </xf>
    <xf numFmtId="0" fontId="7" fillId="0" borderId="84" xfId="0" applyFont="1" applyBorder="1" applyAlignment="1" applyProtection="1">
      <alignment horizontal="center" vertical="center" wrapText="1"/>
      <protection locked="0"/>
    </xf>
    <xf numFmtId="0" fontId="7" fillId="3" borderId="85" xfId="0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86" xfId="0" applyNumberFormat="1" applyFont="1" applyBorder="1" applyAlignment="1">
      <alignment horizontal="center" vertical="center" wrapText="1"/>
    </xf>
    <xf numFmtId="49" fontId="9" fillId="0" borderId="87" xfId="0" applyNumberFormat="1" applyFont="1" applyBorder="1" applyAlignment="1">
      <alignment horizontal="center" vertical="center" wrapText="1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9" fillId="0" borderId="0" xfId="6" applyFont="1" applyAlignment="1">
      <alignment wrapText="1"/>
    </xf>
    <xf numFmtId="0" fontId="21" fillId="0" borderId="0" xfId="6" applyFont="1" applyAlignment="1">
      <alignment horizontal="left" vertical="center" wrapText="1"/>
    </xf>
    <xf numFmtId="0" fontId="23" fillId="0" borderId="25" xfId="6" applyFont="1" applyBorder="1" applyAlignment="1">
      <alignment horizontal="center" vertical="top" wrapText="1"/>
    </xf>
    <xf numFmtId="0" fontId="23" fillId="0" borderId="27" xfId="6" applyFont="1" applyBorder="1" applyAlignment="1">
      <alignment horizontal="center" vertical="top" wrapText="1"/>
    </xf>
    <xf numFmtId="0" fontId="23" fillId="0" borderId="26" xfId="6" applyFont="1" applyBorder="1" applyAlignment="1">
      <alignment horizontal="center" vertical="top" wrapText="1"/>
    </xf>
    <xf numFmtId="0" fontId="23" fillId="0" borderId="90" xfId="6" applyFont="1" applyFill="1" applyBorder="1" applyAlignment="1">
      <alignment horizontal="center" vertical="top" wrapText="1"/>
    </xf>
    <xf numFmtId="0" fontId="18" fillId="5" borderId="91" xfId="6" applyFont="1" applyFill="1" applyBorder="1" applyAlignment="1">
      <alignment horizontal="center" vertical="center" wrapText="1"/>
    </xf>
    <xf numFmtId="0" fontId="18" fillId="5" borderId="8" xfId="6" applyFont="1" applyFill="1" applyBorder="1" applyAlignment="1">
      <alignment horizontal="center" vertical="center" wrapText="1"/>
    </xf>
    <xf numFmtId="0" fontId="18" fillId="5" borderId="92" xfId="6" applyFont="1" applyFill="1" applyBorder="1" applyAlignment="1">
      <alignment horizontal="center" vertical="center" wrapText="1"/>
    </xf>
    <xf numFmtId="49" fontId="18" fillId="0" borderId="57" xfId="6" applyNumberFormat="1" applyFont="1" applyBorder="1" applyAlignment="1">
      <alignment horizontal="center" vertical="center" wrapText="1"/>
    </xf>
    <xf numFmtId="49" fontId="18" fillId="0" borderId="17" xfId="6" applyNumberFormat="1" applyFont="1" applyBorder="1" applyAlignment="1">
      <alignment horizontal="center" vertical="center" wrapText="1"/>
    </xf>
    <xf numFmtId="9" fontId="18" fillId="0" borderId="17" xfId="6" applyNumberFormat="1" applyFont="1" applyBorder="1" applyAlignment="1">
      <alignment horizontal="center" vertical="center" wrapText="1"/>
    </xf>
    <xf numFmtId="49" fontId="18" fillId="0" borderId="17" xfId="6" applyNumberFormat="1" applyFont="1" applyBorder="1" applyAlignment="1">
      <alignment horizontal="left" vertical="center" wrapText="1"/>
    </xf>
    <xf numFmtId="49" fontId="18" fillId="0" borderId="62" xfId="6" applyNumberFormat="1" applyFont="1" applyBorder="1" applyAlignment="1">
      <alignment horizontal="left" vertical="center" wrapText="1"/>
    </xf>
    <xf numFmtId="9" fontId="18" fillId="0" borderId="93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8" fillId="0" borderId="59" xfId="6" applyNumberFormat="1" applyFont="1" applyBorder="1" applyAlignment="1">
      <alignment horizontal="center" vertical="center" wrapText="1"/>
    </xf>
    <xf numFmtId="49" fontId="18" fillId="0" borderId="60" xfId="6" applyNumberFormat="1" applyFont="1" applyBorder="1" applyAlignment="1">
      <alignment horizontal="center" vertical="center" wrapText="1"/>
    </xf>
    <xf numFmtId="9" fontId="18" fillId="0" borderId="60" xfId="6" applyNumberFormat="1" applyFont="1" applyBorder="1" applyAlignment="1">
      <alignment horizontal="center" vertical="center" wrapText="1"/>
    </xf>
    <xf numFmtId="49" fontId="18" fillId="0" borderId="60" xfId="6" applyNumberFormat="1" applyFont="1" applyBorder="1" applyAlignment="1">
      <alignment horizontal="left" vertical="center" wrapText="1"/>
    </xf>
    <xf numFmtId="49" fontId="18" fillId="0" borderId="75" xfId="6" applyNumberFormat="1" applyFont="1" applyBorder="1" applyAlignment="1">
      <alignment horizontal="left" vertical="center" wrapText="1"/>
    </xf>
    <xf numFmtId="9" fontId="18" fillId="0" borderId="61" xfId="6" applyNumberFormat="1" applyFont="1" applyBorder="1" applyAlignment="1">
      <alignment horizontal="center" vertical="center" wrapText="1"/>
    </xf>
    <xf numFmtId="0" fontId="26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8" fillId="0" borderId="0" xfId="6" applyFont="1" applyAlignment="1">
      <alignment vertical="top" wrapText="1"/>
    </xf>
    <xf numFmtId="0" fontId="26" fillId="0" borderId="0" xfId="6" applyFont="1" applyAlignment="1">
      <alignment vertical="top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wrapText="1"/>
      <protection locked="0"/>
    </xf>
    <xf numFmtId="0" fontId="18" fillId="0" borderId="0" xfId="6" applyFont="1" applyAlignment="1">
      <alignment wrapText="1"/>
    </xf>
    <xf numFmtId="0" fontId="18" fillId="0" borderId="0" xfId="6" applyFont="1" applyBorder="1" applyAlignment="1" applyProtection="1">
      <alignment wrapText="1"/>
      <protection locked="0"/>
    </xf>
    <xf numFmtId="0" fontId="18" fillId="0" borderId="0" xfId="6" applyFont="1" applyAlignment="1" applyProtection="1">
      <alignment horizontal="right" vertical="top"/>
      <protection locked="0"/>
    </xf>
    <xf numFmtId="0" fontId="18" fillId="0" borderId="0" xfId="6" applyFont="1" applyBorder="1" applyAlignment="1" applyProtection="1">
      <alignment vertical="center" wrapText="1"/>
      <protection locked="0"/>
    </xf>
    <xf numFmtId="0" fontId="1" fillId="0" borderId="0" xfId="6" applyFont="1"/>
    <xf numFmtId="0" fontId="18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0" fontId="1" fillId="0" borderId="0" xfId="6" applyFont="1" applyAlignment="1"/>
    <xf numFmtId="49" fontId="2" fillId="3" borderId="8" xfId="6" applyNumberFormat="1" applyFont="1" applyFill="1" applyBorder="1" applyAlignment="1">
      <alignment wrapText="1"/>
    </xf>
    <xf numFmtId="49" fontId="9" fillId="0" borderId="79" xfId="0" applyNumberFormat="1" applyFont="1" applyBorder="1" applyAlignment="1">
      <alignment horizontal="center" vertical="center" wrapText="1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center" vertical="center" wrapText="1"/>
      <protection locked="0"/>
    </xf>
    <xf numFmtId="0" fontId="1" fillId="4" borderId="0" xfId="0" applyFont="1" applyFill="1" applyAlignment="1">
      <alignment horizontal="center" vertical="top" wrapText="1"/>
    </xf>
    <xf numFmtId="0" fontId="7" fillId="0" borderId="0" xfId="5" applyFont="1" applyAlignment="1">
      <alignment horizontal="center" wrapText="1"/>
    </xf>
    <xf numFmtId="0" fontId="7" fillId="0" borderId="9" xfId="0" applyFont="1" applyBorder="1" applyAlignment="1" applyProtection="1">
      <alignment horizontal="center" vertical="top" wrapText="1"/>
      <protection locked="0"/>
    </xf>
    <xf numFmtId="0" fontId="9" fillId="0" borderId="9" xfId="0" applyFont="1" applyFill="1" applyBorder="1" applyAlignment="1">
      <alignment vertical="center" wrapText="1"/>
    </xf>
    <xf numFmtId="3" fontId="3" fillId="0" borderId="97" xfId="5" applyNumberFormat="1" applyFill="1" applyBorder="1" applyAlignment="1">
      <alignment horizontal="center" vertical="center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3" fillId="0" borderId="58" xfId="0" applyNumberFormat="1" applyFont="1" applyFill="1" applyBorder="1" applyAlignment="1">
      <alignment horizontal="center" vertical="center" wrapText="1"/>
    </xf>
    <xf numFmtId="0" fontId="3" fillId="0" borderId="59" xfId="0" applyNumberFormat="1" applyFont="1" applyFill="1" applyBorder="1" applyAlignment="1">
      <alignment horizontal="center" vertical="center" wrapText="1"/>
    </xf>
    <xf numFmtId="49" fontId="15" fillId="0" borderId="0" xfId="1" applyNumberFormat="1" applyFont="1" applyBorder="1" applyAlignment="1">
      <alignment horizontal="left" vertical="top" wrapText="1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21" fillId="0" borderId="0" xfId="6" applyFont="1" applyAlignment="1">
      <alignment horizontal="left" vertical="center" wrapText="1"/>
    </xf>
    <xf numFmtId="0" fontId="1" fillId="0" borderId="0" xfId="6" applyFont="1" applyAlignment="1" applyProtection="1">
      <alignment wrapText="1"/>
      <protection locked="0"/>
    </xf>
    <xf numFmtId="0" fontId="9" fillId="0" borderId="0" xfId="0" applyFont="1" applyBorder="1" applyAlignment="1" applyProtection="1">
      <alignment vertical="top" wrapText="1"/>
      <protection locked="0"/>
    </xf>
    <xf numFmtId="0" fontId="12" fillId="0" borderId="0" xfId="7" applyFont="1" applyAlignment="1">
      <alignment vertical="center" wrapText="1"/>
    </xf>
    <xf numFmtId="0" fontId="17" fillId="0" borderId="0" xfId="7" applyFont="1" applyAlignment="1">
      <alignment horizontal="center" vertical="center" wrapText="1"/>
    </xf>
    <xf numFmtId="0" fontId="1" fillId="0" borderId="0" xfId="6" applyFont="1" applyAlignment="1" applyProtection="1">
      <alignment vertical="center" wrapText="1"/>
      <protection locked="0"/>
    </xf>
    <xf numFmtId="49" fontId="18" fillId="0" borderId="99" xfId="6" applyNumberFormat="1" applyFont="1" applyBorder="1" applyAlignment="1" applyProtection="1">
      <alignment horizontal="center" vertical="center" wrapText="1"/>
      <protection locked="0"/>
    </xf>
    <xf numFmtId="49" fontId="18" fillId="0" borderId="94" xfId="6" applyNumberFormat="1" applyFont="1" applyBorder="1" applyAlignment="1" applyProtection="1">
      <alignment horizontal="center" vertical="center" wrapText="1"/>
      <protection locked="0"/>
    </xf>
    <xf numFmtId="0" fontId="18" fillId="5" borderId="104" xfId="6" applyFont="1" applyFill="1" applyBorder="1" applyAlignment="1" applyProtection="1">
      <alignment horizontal="center" vertical="center" wrapText="1"/>
      <protection locked="0"/>
    </xf>
    <xf numFmtId="0" fontId="23" fillId="0" borderId="55" xfId="6" applyFont="1" applyBorder="1" applyAlignment="1" applyProtection="1">
      <alignment horizontal="center" vertical="top"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wrapText="1"/>
      <protection locked="0"/>
    </xf>
    <xf numFmtId="0" fontId="2" fillId="0" borderId="0" xfId="6" applyFont="1" applyAlignment="1" applyProtection="1">
      <alignment vertical="center" wrapText="1"/>
      <protection locked="0"/>
    </xf>
    <xf numFmtId="0" fontId="1" fillId="0" borderId="0" xfId="6" applyFont="1" applyAlignment="1" applyProtection="1">
      <alignment horizontal="left" wrapText="1"/>
      <protection locked="0"/>
    </xf>
    <xf numFmtId="0" fontId="19" fillId="0" borderId="0" xfId="6" applyFont="1" applyAlignment="1" applyProtection="1">
      <alignment horizontal="right" vertical="center"/>
      <protection locked="0"/>
    </xf>
    <xf numFmtId="0" fontId="24" fillId="0" borderId="0" xfId="0" applyFont="1" applyAlignment="1" applyProtection="1">
      <alignment wrapText="1"/>
      <protection locked="0"/>
    </xf>
    <xf numFmtId="0" fontId="19" fillId="0" borderId="0" xfId="6" applyFont="1" applyProtection="1">
      <protection locked="0"/>
    </xf>
    <xf numFmtId="49" fontId="29" fillId="3" borderId="8" xfId="6" applyNumberFormat="1" applyFont="1" applyFill="1" applyBorder="1" applyAlignment="1" applyProtection="1">
      <alignment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left" vertical="top" wrapText="1"/>
      <protection locked="0"/>
    </xf>
    <xf numFmtId="0" fontId="9" fillId="0" borderId="7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" fillId="0" borderId="9" xfId="0" applyFont="1" applyBorder="1" applyAlignment="1">
      <alignment vertical="center" wrapText="1"/>
    </xf>
    <xf numFmtId="0" fontId="26" fillId="0" borderId="9" xfId="0" applyFont="1" applyBorder="1" applyAlignment="1">
      <alignment vertical="center"/>
    </xf>
    <xf numFmtId="0" fontId="3" fillId="0" borderId="108" xfId="0" applyNumberFormat="1" applyFont="1" applyFill="1" applyBorder="1" applyAlignment="1">
      <alignment horizontal="center" vertical="center" wrapText="1"/>
    </xf>
    <xf numFmtId="0" fontId="1" fillId="0" borderId="109" xfId="0" applyFont="1" applyBorder="1" applyAlignment="1">
      <alignment vertical="center" wrapText="1"/>
    </xf>
    <xf numFmtId="49" fontId="9" fillId="0" borderId="110" xfId="0" applyNumberFormat="1" applyFont="1" applyBorder="1" applyAlignment="1">
      <alignment horizontal="center" vertical="center" wrapText="1"/>
    </xf>
    <xf numFmtId="49" fontId="9" fillId="0" borderId="111" xfId="0" applyNumberFormat="1" applyFont="1" applyBorder="1" applyAlignment="1">
      <alignment horizontal="center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15" fillId="0" borderId="0" xfId="1" applyNumberFormat="1" applyFont="1" applyBorder="1" applyAlignment="1">
      <alignment horizontal="left" vertical="top" wrapText="1"/>
    </xf>
    <xf numFmtId="49" fontId="9" fillId="0" borderId="1" xfId="0" applyNumberFormat="1" applyFont="1" applyBorder="1" applyAlignment="1" applyProtection="1">
      <alignment horizontal="center" vertical="center" wrapText="1"/>
      <protection locked="0"/>
    </xf>
    <xf numFmtId="49" fontId="9" fillId="0" borderId="13" xfId="0" applyNumberFormat="1" applyFont="1" applyBorder="1" applyAlignment="1" applyProtection="1">
      <alignment horizontal="center" vertical="center" wrapText="1"/>
      <protection locked="0"/>
    </xf>
    <xf numFmtId="49" fontId="9" fillId="0" borderId="35" xfId="0" applyNumberFormat="1" applyFont="1" applyBorder="1" applyAlignment="1" applyProtection="1">
      <alignment horizontal="center" vertical="center" wrapText="1"/>
      <protection locked="0"/>
    </xf>
    <xf numFmtId="0" fontId="7" fillId="3" borderId="113" xfId="0" applyFont="1" applyFill="1" applyBorder="1" applyAlignment="1" applyProtection="1">
      <alignment horizontal="center" vertical="top" wrapText="1"/>
      <protection locked="0"/>
    </xf>
    <xf numFmtId="0" fontId="7" fillId="3" borderId="112" xfId="0" applyFont="1" applyFill="1" applyBorder="1" applyAlignment="1" applyProtection="1">
      <alignment horizontal="center" vertical="top" wrapText="1"/>
      <protection locked="0"/>
    </xf>
    <xf numFmtId="0" fontId="7" fillId="3" borderId="114" xfId="0" applyFont="1" applyFill="1" applyBorder="1" applyAlignment="1" applyProtection="1">
      <alignment horizontal="center" vertical="top" wrapText="1"/>
      <protection locked="0"/>
    </xf>
    <xf numFmtId="0" fontId="7" fillId="3" borderId="115" xfId="0" applyFont="1" applyFill="1" applyBorder="1" applyAlignment="1" applyProtection="1">
      <alignment horizontal="center" vertical="top" wrapText="1"/>
      <protection locked="0"/>
    </xf>
    <xf numFmtId="0" fontId="7" fillId="3" borderId="116" xfId="0" applyFont="1" applyFill="1" applyBorder="1" applyAlignment="1" applyProtection="1">
      <alignment horizontal="center" vertical="top" wrapText="1"/>
      <protection locked="0"/>
    </xf>
    <xf numFmtId="0" fontId="7" fillId="3" borderId="117" xfId="0" applyFont="1" applyFill="1" applyBorder="1" applyAlignment="1" applyProtection="1">
      <alignment horizontal="center" vertical="top" wrapText="1"/>
      <protection locked="0"/>
    </xf>
    <xf numFmtId="0" fontId="7" fillId="3" borderId="118" xfId="0" applyFont="1" applyFill="1" applyBorder="1" applyAlignment="1" applyProtection="1">
      <alignment horizontal="center" vertical="top" wrapText="1"/>
      <protection locked="0"/>
    </xf>
    <xf numFmtId="0" fontId="7" fillId="3" borderId="119" xfId="0" applyFont="1" applyFill="1" applyBorder="1" applyAlignment="1" applyProtection="1">
      <alignment horizontal="center" vertical="center" wrapText="1"/>
      <protection locked="0"/>
    </xf>
    <xf numFmtId="0" fontId="7" fillId="3" borderId="112" xfId="0" applyFont="1" applyFill="1" applyBorder="1" applyAlignment="1" applyProtection="1">
      <alignment horizontal="center" vertical="center" wrapText="1"/>
      <protection locked="0"/>
    </xf>
    <xf numFmtId="49" fontId="9" fillId="0" borderId="120" xfId="0" applyNumberFormat="1" applyFont="1" applyBorder="1" applyAlignment="1" applyProtection="1">
      <alignment horizontal="center" vertical="center" wrapText="1"/>
      <protection locked="0"/>
    </xf>
    <xf numFmtId="49" fontId="9" fillId="0" borderId="121" xfId="0" applyNumberFormat="1" applyFont="1" applyBorder="1" applyAlignment="1" applyProtection="1">
      <alignment horizontal="center" vertical="center" wrapText="1"/>
      <protection locked="0"/>
    </xf>
    <xf numFmtId="49" fontId="9" fillId="0" borderId="12" xfId="0" applyNumberFormat="1" applyFont="1" applyBorder="1" applyAlignment="1" applyProtection="1">
      <alignment horizontal="center" vertical="center" wrapText="1"/>
      <protection locked="0"/>
    </xf>
    <xf numFmtId="49" fontId="9" fillId="0" borderId="122" xfId="0" applyNumberFormat="1" applyFont="1" applyBorder="1" applyAlignment="1" applyProtection="1">
      <alignment horizontal="center" vertical="center" wrapText="1"/>
      <protection locked="0"/>
    </xf>
    <xf numFmtId="49" fontId="9" fillId="0" borderId="34" xfId="0" applyNumberFormat="1" applyFont="1" applyBorder="1" applyAlignment="1" applyProtection="1">
      <alignment horizontal="center" vertical="center" wrapText="1"/>
      <protection locked="0"/>
    </xf>
    <xf numFmtId="49" fontId="9" fillId="0" borderId="123" xfId="0" applyNumberFormat="1" applyFont="1" applyBorder="1" applyAlignment="1" applyProtection="1">
      <alignment horizontal="center" vertical="center" wrapText="1"/>
      <protection locked="0"/>
    </xf>
    <xf numFmtId="0" fontId="7" fillId="3" borderId="124" xfId="0" applyFont="1" applyFill="1" applyBorder="1" applyAlignment="1" applyProtection="1">
      <alignment horizontal="center" vertical="top" wrapText="1"/>
      <protection locked="0"/>
    </xf>
    <xf numFmtId="0" fontId="7" fillId="3" borderId="125" xfId="0" applyFont="1" applyFill="1" applyBorder="1" applyAlignment="1" applyProtection="1">
      <alignment horizontal="center" vertical="top" wrapText="1"/>
      <protection locked="0"/>
    </xf>
    <xf numFmtId="0" fontId="7" fillId="3" borderId="126" xfId="0" applyFont="1" applyFill="1" applyBorder="1" applyAlignment="1" applyProtection="1">
      <alignment horizontal="center" vertical="top" wrapText="1"/>
      <protection locked="0"/>
    </xf>
    <xf numFmtId="0" fontId="7" fillId="3" borderId="127" xfId="0" applyFont="1" applyFill="1" applyBorder="1" applyAlignment="1" applyProtection="1">
      <alignment horizontal="center" vertical="center" wrapText="1"/>
      <protection locked="0"/>
    </xf>
    <xf numFmtId="0" fontId="26" fillId="0" borderId="130" xfId="0" applyFont="1" applyBorder="1" applyAlignment="1">
      <alignment horizontal="center" vertical="center" wrapText="1"/>
    </xf>
    <xf numFmtId="49" fontId="1" fillId="0" borderId="131" xfId="0" applyNumberFormat="1" applyFont="1" applyBorder="1" applyAlignment="1">
      <alignment horizontal="center" vertical="center" wrapText="1"/>
    </xf>
    <xf numFmtId="0" fontId="1" fillId="0" borderId="131" xfId="0" applyFont="1" applyBorder="1" applyAlignment="1">
      <alignment horizontal="center" vertical="center" wrapText="1"/>
    </xf>
    <xf numFmtId="0" fontId="26" fillId="0" borderId="131" xfId="0" applyFont="1" applyBorder="1" applyAlignment="1">
      <alignment horizontal="center" vertical="center" wrapText="1"/>
    </xf>
    <xf numFmtId="49" fontId="9" fillId="2" borderId="4" xfId="0" applyNumberFormat="1" applyFont="1" applyFill="1" applyBorder="1" applyAlignment="1">
      <alignment horizontal="center" vertical="center" wrapText="1"/>
    </xf>
    <xf numFmtId="49" fontId="9" fillId="2" borderId="30" xfId="0" applyNumberFormat="1" applyFont="1" applyFill="1" applyBorder="1" applyAlignment="1">
      <alignment horizontal="center" vertical="center" wrapText="1"/>
    </xf>
    <xf numFmtId="0" fontId="3" fillId="0" borderId="57" xfId="0" applyNumberFormat="1" applyFont="1" applyFill="1" applyBorder="1" applyAlignment="1">
      <alignment horizontal="center" vertical="center" wrapText="1"/>
    </xf>
    <xf numFmtId="0" fontId="1" fillId="0" borderId="17" xfId="0" applyFont="1" applyBorder="1" applyAlignment="1">
      <alignment vertical="center" wrapText="1"/>
    </xf>
    <xf numFmtId="0" fontId="26" fillId="0" borderId="93" xfId="0" applyFont="1" applyBorder="1" applyAlignment="1">
      <alignment horizontal="center" vertical="center" wrapText="1"/>
    </xf>
    <xf numFmtId="49" fontId="9" fillId="0" borderId="134" xfId="0" applyNumberFormat="1" applyFont="1" applyBorder="1" applyAlignment="1">
      <alignment horizontal="center" vertical="center" wrapText="1"/>
    </xf>
    <xf numFmtId="49" fontId="9" fillId="0" borderId="135" xfId="0" applyNumberFormat="1" applyFont="1" applyBorder="1" applyAlignment="1">
      <alignment horizontal="center" vertical="center" wrapText="1"/>
    </xf>
    <xf numFmtId="165" fontId="10" fillId="4" borderId="128" xfId="0" applyNumberFormat="1" applyFont="1" applyFill="1" applyBorder="1" applyAlignment="1" applyProtection="1">
      <alignment vertical="center"/>
      <protection locked="0"/>
    </xf>
    <xf numFmtId="166" fontId="9" fillId="0" borderId="69" xfId="0" applyNumberFormat="1" applyFont="1" applyBorder="1" applyAlignment="1" applyProtection="1">
      <alignment horizontal="right" vertical="center" wrapText="1"/>
      <protection locked="0"/>
    </xf>
    <xf numFmtId="166" fontId="9" fillId="0" borderId="88" xfId="0" applyNumberFormat="1" applyFont="1" applyBorder="1" applyAlignment="1" applyProtection="1">
      <alignment horizontal="center" vertical="center" wrapText="1"/>
      <protection locked="0"/>
    </xf>
    <xf numFmtId="166" fontId="9" fillId="0" borderId="70" xfId="0" applyNumberFormat="1" applyFont="1" applyBorder="1" applyAlignment="1" applyProtection="1">
      <alignment horizontal="right" vertical="center" wrapText="1"/>
      <protection locked="0"/>
    </xf>
    <xf numFmtId="166" fontId="9" fillId="0" borderId="89" xfId="0" applyNumberFormat="1" applyFont="1" applyBorder="1" applyAlignment="1" applyProtection="1">
      <alignment horizontal="right" vertical="center" wrapText="1"/>
      <protection locked="0"/>
    </xf>
    <xf numFmtId="166" fontId="9" fillId="4" borderId="69" xfId="0" applyNumberFormat="1" applyFont="1" applyFill="1" applyBorder="1" applyAlignment="1" applyProtection="1">
      <alignment horizontal="right" vertical="center" wrapText="1"/>
      <protection locked="0"/>
    </xf>
    <xf numFmtId="166" fontId="9" fillId="0" borderId="88" xfId="0" applyNumberFormat="1" applyFont="1" applyBorder="1" applyAlignment="1" applyProtection="1">
      <alignment horizontal="right" vertical="center" wrapText="1"/>
      <protection locked="0"/>
    </xf>
    <xf numFmtId="166" fontId="9" fillId="0" borderId="129" xfId="0" applyNumberFormat="1" applyFont="1" applyBorder="1" applyAlignment="1" applyProtection="1">
      <alignment horizontal="right" vertical="center" wrapText="1"/>
      <protection locked="0"/>
    </xf>
    <xf numFmtId="165" fontId="9" fillId="0" borderId="76" xfId="0" applyNumberFormat="1" applyFont="1" applyBorder="1" applyAlignment="1" applyProtection="1">
      <alignment vertical="center"/>
      <protection locked="0"/>
    </xf>
    <xf numFmtId="166" fontId="9" fillId="0" borderId="1" xfId="0" applyNumberFormat="1" applyFont="1" applyBorder="1" applyAlignment="1" applyProtection="1">
      <alignment horizontal="right" vertical="center" wrapText="1"/>
      <protection locked="0"/>
    </xf>
    <xf numFmtId="166" fontId="9" fillId="0" borderId="3" xfId="0" applyNumberFormat="1" applyFont="1" applyBorder="1" applyAlignment="1" applyProtection="1">
      <alignment horizontal="center" vertical="center" wrapText="1"/>
      <protection locked="0"/>
    </xf>
    <xf numFmtId="166" fontId="9" fillId="0" borderId="24" xfId="0" applyNumberFormat="1" applyFont="1" applyBorder="1" applyAlignment="1" applyProtection="1">
      <alignment horizontal="right" vertical="center" wrapText="1"/>
      <protection locked="0"/>
    </xf>
    <xf numFmtId="166" fontId="9" fillId="0" borderId="13" xfId="0" applyNumberFormat="1" applyFont="1" applyBorder="1" applyAlignment="1" applyProtection="1">
      <alignment horizontal="right" vertical="center" wrapText="1"/>
      <protection locked="0"/>
    </xf>
    <xf numFmtId="166" fontId="9" fillId="0" borderId="2" xfId="0" applyNumberFormat="1" applyFont="1" applyBorder="1" applyAlignment="1" applyProtection="1">
      <alignment horizontal="center" vertical="center" wrapText="1"/>
      <protection locked="0"/>
    </xf>
    <xf numFmtId="166" fontId="9" fillId="0" borderId="6" xfId="0" applyNumberFormat="1" applyFont="1" applyBorder="1" applyAlignment="1" applyProtection="1">
      <alignment horizontal="right" vertical="center" wrapText="1"/>
      <protection locked="0"/>
    </xf>
    <xf numFmtId="166" fontId="9" fillId="0" borderId="35" xfId="0" applyNumberFormat="1" applyFont="1" applyBorder="1" applyAlignment="1" applyProtection="1">
      <alignment horizontal="right" vertical="center" wrapText="1"/>
      <protection locked="0"/>
    </xf>
    <xf numFmtId="166" fontId="9" fillId="0" borderId="20" xfId="0" applyNumberFormat="1" applyFont="1" applyBorder="1" applyAlignment="1" applyProtection="1">
      <alignment horizontal="center" vertical="center" wrapText="1"/>
      <protection locked="0"/>
    </xf>
    <xf numFmtId="166" fontId="9" fillId="0" borderId="54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1" fillId="0" borderId="69" xfId="0" applyFont="1" applyBorder="1" applyAlignment="1">
      <alignment horizontal="left" vertical="center" wrapText="1"/>
    </xf>
    <xf numFmtId="0" fontId="1" fillId="0" borderId="70" xfId="0" applyFont="1" applyBorder="1" applyAlignment="1">
      <alignment horizontal="left" vertical="center" wrapText="1"/>
    </xf>
    <xf numFmtId="0" fontId="1" fillId="0" borderId="71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2" fillId="3" borderId="63" xfId="0" applyFont="1" applyFill="1" applyBorder="1" applyAlignment="1">
      <alignment horizontal="left" vertical="center"/>
    </xf>
    <xf numFmtId="0" fontId="2" fillId="3" borderId="64" xfId="0" applyFont="1" applyFill="1" applyBorder="1" applyAlignment="1">
      <alignment horizontal="left" vertical="center"/>
    </xf>
    <xf numFmtId="0" fontId="2" fillId="3" borderId="65" xfId="0" applyFont="1" applyFill="1" applyBorder="1" applyAlignment="1">
      <alignment horizontal="left" vertical="center"/>
    </xf>
    <xf numFmtId="0" fontId="1" fillId="0" borderId="66" xfId="0" applyFont="1" applyBorder="1" applyAlignment="1">
      <alignment horizontal="left" vertical="center" wrapText="1"/>
    </xf>
    <xf numFmtId="0" fontId="1" fillId="0" borderId="67" xfId="0" applyFont="1" applyBorder="1" applyAlignment="1">
      <alignment horizontal="left" vertical="center" wrapText="1"/>
    </xf>
    <xf numFmtId="0" fontId="1" fillId="0" borderId="68" xfId="0" applyFont="1" applyBorder="1" applyAlignment="1">
      <alignment horizontal="left" vertical="center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15" fillId="4" borderId="0" xfId="0" applyNumberFormat="1" applyFont="1" applyFill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7" fillId="0" borderId="0" xfId="5" applyFont="1" applyFill="1" applyAlignment="1">
      <alignment horizontal="center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49" fontId="1" fillId="0" borderId="60" xfId="0" applyNumberFormat="1" applyFont="1" applyBorder="1" applyAlignment="1">
      <alignment horizontal="left" vertical="center" wrapText="1"/>
    </xf>
    <xf numFmtId="49" fontId="1" fillId="0" borderId="61" xfId="0" applyNumberFormat="1" applyFont="1" applyBorder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72" xfId="0" applyFont="1" applyFill="1" applyBorder="1" applyAlignment="1" applyProtection="1">
      <alignment horizontal="left" vertical="center" wrapText="1"/>
      <protection locked="0"/>
    </xf>
    <xf numFmtId="0" fontId="10" fillId="2" borderId="26" xfId="0" applyFont="1" applyFill="1" applyBorder="1" applyAlignment="1">
      <alignment horizontal="center" vertical="top" wrapText="1"/>
    </xf>
    <xf numFmtId="0" fontId="10" fillId="2" borderId="56" xfId="0" applyFont="1" applyFill="1" applyBorder="1" applyAlignment="1">
      <alignment horizontal="center" vertical="top" wrapText="1"/>
    </xf>
    <xf numFmtId="49" fontId="15" fillId="6" borderId="136" xfId="0" applyNumberFormat="1" applyFont="1" applyFill="1" applyBorder="1" applyAlignment="1">
      <alignment horizontal="left" vertical="center" wrapText="1"/>
    </xf>
    <xf numFmtId="49" fontId="15" fillId="6" borderId="137" xfId="0" applyNumberFormat="1" applyFont="1" applyFill="1" applyBorder="1" applyAlignment="1">
      <alignment horizontal="left" vertical="center" wrapText="1"/>
    </xf>
    <xf numFmtId="49" fontId="15" fillId="6" borderId="138" xfId="0" applyNumberFormat="1" applyFont="1" applyFill="1" applyBorder="1" applyAlignment="1">
      <alignment horizontal="left" vertical="center" wrapText="1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49" fontId="10" fillId="2" borderId="55" xfId="0" applyNumberFormat="1" applyFont="1" applyFill="1" applyBorder="1" applyAlignment="1">
      <alignment horizontal="left" vertical="top" wrapText="1"/>
    </xf>
    <xf numFmtId="49" fontId="10" fillId="2" borderId="36" xfId="0" applyNumberFormat="1" applyFont="1" applyFill="1" applyBorder="1" applyAlignment="1">
      <alignment horizontal="left" vertical="top" wrapText="1"/>
    </xf>
    <xf numFmtId="49" fontId="10" fillId="2" borderId="52" xfId="0" applyNumberFormat="1" applyFont="1" applyFill="1" applyBorder="1" applyAlignment="1">
      <alignment horizontal="left" vertical="top" wrapText="1"/>
    </xf>
    <xf numFmtId="49" fontId="10" fillId="2" borderId="132" xfId="0" applyNumberFormat="1" applyFont="1" applyFill="1" applyBorder="1" applyAlignment="1">
      <alignment horizontal="left" vertical="top" wrapText="1"/>
    </xf>
    <xf numFmtId="49" fontId="10" fillId="2" borderId="0" xfId="0" applyNumberFormat="1" applyFont="1" applyFill="1" applyBorder="1" applyAlignment="1">
      <alignment horizontal="left" vertical="top" wrapText="1"/>
    </xf>
    <xf numFmtId="49" fontId="10" fillId="2" borderId="133" xfId="0" applyNumberFormat="1" applyFont="1" applyFill="1" applyBorder="1" applyAlignment="1">
      <alignment horizontal="left" vertical="top" wrapText="1"/>
    </xf>
    <xf numFmtId="49" fontId="15" fillId="0" borderId="72" xfId="1" applyNumberFormat="1" applyFont="1" applyBorder="1" applyAlignment="1">
      <alignment horizontal="left" vertical="center" wrapText="1"/>
    </xf>
    <xf numFmtId="0" fontId="10" fillId="0" borderId="25" xfId="0" applyFont="1" applyBorder="1" applyAlignment="1" applyProtection="1">
      <alignment horizontal="center" vertical="top" wrapText="1"/>
      <protection locked="0"/>
    </xf>
    <xf numFmtId="0" fontId="10" fillId="0" borderId="29" xfId="0" applyFont="1" applyBorder="1" applyAlignment="1" applyProtection="1">
      <alignment horizontal="center" vertical="top" wrapText="1"/>
      <protection locked="0"/>
    </xf>
    <xf numFmtId="0" fontId="10" fillId="0" borderId="26" xfId="0" applyFont="1" applyBorder="1" applyAlignment="1" applyProtection="1">
      <alignment horizontal="left" vertical="top" wrapText="1"/>
      <protection locked="0"/>
    </xf>
    <xf numFmtId="0" fontId="10" fillId="0" borderId="19" xfId="0" applyFont="1" applyBorder="1" applyAlignment="1" applyProtection="1">
      <alignment horizontal="left" vertical="top" wrapText="1"/>
      <protection locked="0"/>
    </xf>
    <xf numFmtId="0" fontId="10" fillId="0" borderId="27" xfId="0" applyFont="1" applyBorder="1" applyAlignment="1" applyProtection="1">
      <alignment horizontal="center" vertical="top" wrapText="1"/>
      <protection locked="0"/>
    </xf>
    <xf numFmtId="0" fontId="10" fillId="0" borderId="16" xfId="0" applyFont="1" applyBorder="1" applyAlignment="1" applyProtection="1">
      <alignment horizontal="center" vertical="top" wrapText="1"/>
      <protection locked="0"/>
    </xf>
    <xf numFmtId="3" fontId="10" fillId="0" borderId="27" xfId="0" applyNumberFormat="1" applyFont="1" applyBorder="1" applyAlignment="1" applyProtection="1">
      <alignment horizontal="center" vertical="top" wrapText="1"/>
      <protection locked="0"/>
    </xf>
    <xf numFmtId="3" fontId="10" fillId="0" borderId="16" xfId="0" applyNumberFormat="1" applyFont="1" applyBorder="1" applyAlignment="1" applyProtection="1">
      <alignment horizontal="center" vertical="top" wrapText="1"/>
      <protection locked="0"/>
    </xf>
    <xf numFmtId="3" fontId="10" fillId="0" borderId="40" xfId="0" applyNumberFormat="1" applyFont="1" applyBorder="1" applyAlignment="1" applyProtection="1">
      <alignment horizontal="center" vertical="top" wrapText="1"/>
      <protection locked="0"/>
    </xf>
    <xf numFmtId="3" fontId="10" fillId="0" borderId="41" xfId="0" applyNumberFormat="1" applyFont="1" applyBorder="1" applyAlignment="1" applyProtection="1">
      <alignment horizontal="center" vertical="top" wrapText="1"/>
      <protection locked="0"/>
    </xf>
    <xf numFmtId="0" fontId="10" fillId="0" borderId="43" xfId="0" applyFont="1" applyBorder="1" applyAlignment="1" applyProtection="1">
      <alignment horizontal="center" vertical="top" wrapText="1"/>
      <protection locked="0"/>
    </xf>
    <xf numFmtId="0" fontId="10" fillId="0" borderId="41" xfId="0" applyFont="1" applyBorder="1" applyAlignment="1" applyProtection="1">
      <alignment horizontal="center" vertical="top" wrapText="1"/>
      <protection locked="0"/>
    </xf>
    <xf numFmtId="0" fontId="10" fillId="0" borderId="28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36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7" xfId="0" applyFont="1" applyBorder="1" applyAlignment="1" applyProtection="1">
      <alignment horizontal="center" vertical="top" wrapText="1"/>
      <protection locked="0"/>
    </xf>
    <xf numFmtId="49" fontId="15" fillId="0" borderId="0" xfId="1" applyNumberFormat="1" applyFont="1" applyAlignment="1" applyProtection="1">
      <alignment horizontal="left" vertical="center" wrapText="1"/>
      <protection locked="0"/>
    </xf>
    <xf numFmtId="49" fontId="3" fillId="0" borderId="0" xfId="1" applyNumberFormat="1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vertical="top" wrapText="1"/>
    </xf>
    <xf numFmtId="0" fontId="13" fillId="0" borderId="9" xfId="0" applyFont="1" applyBorder="1" applyAlignment="1" applyProtection="1">
      <alignment horizontal="center" vertical="top" wrapText="1"/>
      <protection locked="0"/>
    </xf>
    <xf numFmtId="49" fontId="9" fillId="0" borderId="81" xfId="0" applyNumberFormat="1" applyFont="1" applyBorder="1" applyAlignment="1" applyProtection="1">
      <alignment horizontal="center" vertical="center" wrapText="1"/>
      <protection locked="0"/>
    </xf>
    <xf numFmtId="49" fontId="9" fillId="0" borderId="77" xfId="0" applyNumberFormat="1" applyFont="1" applyBorder="1" applyAlignment="1" applyProtection="1">
      <alignment horizontal="center" vertical="center" wrapText="1"/>
      <protection locked="0"/>
    </xf>
    <xf numFmtId="49" fontId="9" fillId="0" borderId="82" xfId="0" applyNumberFormat="1" applyFont="1" applyBorder="1" applyAlignment="1" applyProtection="1">
      <alignment horizontal="center" vertical="center" wrapText="1"/>
      <protection locked="0"/>
    </xf>
    <xf numFmtId="0" fontId="13" fillId="0" borderId="9" xfId="0" applyFont="1" applyBorder="1" applyAlignment="1" applyProtection="1">
      <alignment horizontal="left" vertical="top" wrapText="1"/>
      <protection locked="0"/>
    </xf>
    <xf numFmtId="3" fontId="13" fillId="0" borderId="41" xfId="0" applyNumberFormat="1" applyFont="1" applyBorder="1" applyAlignment="1" applyProtection="1">
      <alignment horizontal="center" vertical="top" wrapText="1"/>
      <protection locked="0"/>
    </xf>
    <xf numFmtId="3" fontId="13" fillId="0" borderId="83" xfId="0" applyNumberFormat="1" applyFont="1" applyBorder="1" applyAlignment="1" applyProtection="1">
      <alignment horizontal="center" vertical="top" wrapText="1"/>
      <protection locked="0"/>
    </xf>
    <xf numFmtId="0" fontId="13" fillId="0" borderId="56" xfId="0" applyFont="1" applyBorder="1" applyAlignment="1" applyProtection="1">
      <alignment horizontal="center" vertical="top" wrapText="1"/>
      <protection locked="0"/>
    </xf>
    <xf numFmtId="0" fontId="13" fillId="0" borderId="77" xfId="0" applyFont="1" applyBorder="1" applyAlignment="1" applyProtection="1">
      <alignment horizontal="center" vertical="top" wrapText="1"/>
      <protection locked="0"/>
    </xf>
    <xf numFmtId="3" fontId="13" fillId="0" borderId="40" xfId="0" applyNumberFormat="1" applyFont="1" applyBorder="1" applyAlignment="1" applyProtection="1">
      <alignment horizontal="center" vertical="top" wrapText="1"/>
      <protection locked="0"/>
    </xf>
    <xf numFmtId="14" fontId="18" fillId="0" borderId="0" xfId="6" applyNumberFormat="1" applyFont="1" applyBorder="1" applyAlignment="1" applyProtection="1">
      <alignment horizontal="left" wrapText="1"/>
      <protection locked="0"/>
    </xf>
    <xf numFmtId="0" fontId="18" fillId="0" borderId="0" xfId="6" applyNumberFormat="1" applyFont="1" applyBorder="1" applyAlignment="1" applyProtection="1">
      <alignment horizontal="left" wrapText="1"/>
      <protection locked="0"/>
    </xf>
    <xf numFmtId="0" fontId="21" fillId="0" borderId="7" xfId="6" applyNumberFormat="1" applyFont="1" applyBorder="1" applyAlignment="1">
      <alignment horizontal="left" vertical="top" wrapText="1"/>
    </xf>
    <xf numFmtId="0" fontId="1" fillId="0" borderId="0" xfId="6" applyFont="1" applyAlignment="1">
      <alignment horizontal="left"/>
    </xf>
    <xf numFmtId="49" fontId="19" fillId="0" borderId="0" xfId="6" applyNumberFormat="1" applyFont="1" applyBorder="1" applyAlignment="1">
      <alignment horizontal="left" vertical="center" wrapText="1"/>
    </xf>
    <xf numFmtId="49" fontId="19" fillId="0" borderId="0" xfId="6" applyNumberFormat="1" applyFont="1" applyAlignment="1">
      <alignment horizontal="left" vertical="center" wrapText="1"/>
    </xf>
    <xf numFmtId="0" fontId="18" fillId="0" borderId="0" xfId="6" applyFont="1" applyAlignment="1">
      <alignment horizontal="left" vertical="center" wrapText="1"/>
    </xf>
    <xf numFmtId="0" fontId="25" fillId="0" borderId="0" xfId="6" applyFont="1" applyAlignment="1">
      <alignment horizontal="left" vertical="top" wrapText="1"/>
    </xf>
    <xf numFmtId="0" fontId="21" fillId="0" borderId="0" xfId="6" applyFont="1" applyAlignment="1">
      <alignment horizontal="left" vertical="center" wrapText="1"/>
    </xf>
    <xf numFmtId="0" fontId="22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wrapText="1"/>
    </xf>
    <xf numFmtId="0" fontId="19" fillId="0" borderId="0" xfId="6" applyFont="1" applyAlignment="1">
      <alignment horizontal="left" wrapText="1"/>
    </xf>
    <xf numFmtId="0" fontId="1" fillId="0" borderId="0" xfId="6" applyFont="1" applyAlignment="1">
      <alignment horizontal="center" wrapText="1"/>
    </xf>
    <xf numFmtId="0" fontId="20" fillId="0" borderId="0" xfId="6" applyFont="1" applyFill="1" applyAlignment="1">
      <alignment horizontal="center" wrapText="1"/>
    </xf>
    <xf numFmtId="49" fontId="19" fillId="0" borderId="0" xfId="6" applyNumberFormat="1" applyFont="1" applyBorder="1" applyAlignment="1" applyProtection="1">
      <alignment horizontal="left" vertical="center" wrapText="1"/>
      <protection locked="0"/>
    </xf>
    <xf numFmtId="49" fontId="19" fillId="0" borderId="0" xfId="6" applyNumberFormat="1" applyFont="1" applyAlignment="1" applyProtection="1">
      <alignment horizontal="left" vertical="center" wrapText="1"/>
      <protection locked="0"/>
    </xf>
    <xf numFmtId="0" fontId="28" fillId="0" borderId="0" xfId="6" applyFont="1" applyAlignment="1">
      <alignment horizontal="left" vertical="center" wrapText="1"/>
    </xf>
    <xf numFmtId="0" fontId="23" fillId="0" borderId="107" xfId="6" applyFont="1" applyBorder="1" applyAlignment="1" applyProtection="1">
      <alignment horizontal="left" vertical="top"/>
      <protection locked="0"/>
    </xf>
    <xf numFmtId="0" fontId="23" fillId="0" borderId="106" xfId="6" applyFont="1" applyBorder="1" applyAlignment="1" applyProtection="1">
      <alignment horizontal="left" vertical="top"/>
      <protection locked="0"/>
    </xf>
    <xf numFmtId="0" fontId="23" fillId="0" borderId="105" xfId="6" applyFont="1" applyBorder="1" applyAlignment="1" applyProtection="1">
      <alignment horizontal="left" vertical="top"/>
      <protection locked="0"/>
    </xf>
    <xf numFmtId="0" fontId="18" fillId="5" borderId="103" xfId="6" applyFont="1" applyFill="1" applyBorder="1" applyAlignment="1" applyProtection="1">
      <alignment horizontal="center" vertical="center" wrapText="1"/>
      <protection locked="0"/>
    </xf>
    <xf numFmtId="0" fontId="18" fillId="5" borderId="74" xfId="6" applyFont="1" applyFill="1" applyBorder="1" applyAlignment="1" applyProtection="1">
      <alignment horizontal="center" vertical="center" wrapText="1"/>
      <protection locked="0"/>
    </xf>
    <xf numFmtId="0" fontId="18" fillId="5" borderId="102" xfId="6" applyFont="1" applyFill="1" applyBorder="1" applyAlignment="1" applyProtection="1">
      <alignment horizontal="center" vertical="center" wrapText="1"/>
      <protection locked="0"/>
    </xf>
    <xf numFmtId="49" fontId="18" fillId="0" borderId="101" xfId="6" applyNumberFormat="1" applyFont="1" applyBorder="1" applyAlignment="1" applyProtection="1">
      <alignment horizontal="left" vertical="center" wrapText="1"/>
      <protection locked="0"/>
    </xf>
    <xf numFmtId="49" fontId="18" fillId="0" borderId="88" xfId="6" applyNumberFormat="1" applyFont="1" applyBorder="1" applyAlignment="1" applyProtection="1">
      <alignment horizontal="left" vertical="center" wrapText="1"/>
      <protection locked="0"/>
    </xf>
    <xf numFmtId="49" fontId="18" fillId="0" borderId="100" xfId="6" applyNumberFormat="1" applyFont="1" applyBorder="1" applyAlignment="1" applyProtection="1">
      <alignment horizontal="left" vertical="center" wrapText="1"/>
      <protection locked="0"/>
    </xf>
    <xf numFmtId="49" fontId="18" fillId="0" borderId="96" xfId="6" applyNumberFormat="1" applyFont="1" applyBorder="1" applyAlignment="1" applyProtection="1">
      <alignment horizontal="left" vertical="center" wrapText="1"/>
      <protection locked="0"/>
    </xf>
    <xf numFmtId="49" fontId="18" fillId="0" borderId="95" xfId="6" applyNumberFormat="1" applyFont="1" applyBorder="1" applyAlignment="1" applyProtection="1">
      <alignment horizontal="left" vertical="center" wrapText="1"/>
      <protection locked="0"/>
    </xf>
    <xf numFmtId="49" fontId="18" fillId="0" borderId="78" xfId="6" applyNumberFormat="1" applyFont="1" applyBorder="1" applyAlignment="1" applyProtection="1">
      <alignment horizontal="left" vertical="center" wrapText="1"/>
      <protection locked="0"/>
    </xf>
    <xf numFmtId="0" fontId="29" fillId="0" borderId="1" xfId="6" applyNumberFormat="1" applyFont="1" applyBorder="1" applyAlignment="1" applyProtection="1">
      <alignment horizontal="center" vertical="center" wrapText="1"/>
      <protection locked="0"/>
    </xf>
    <xf numFmtId="0" fontId="24" fillId="0" borderId="7" xfId="0" applyFont="1" applyBorder="1" applyAlignment="1" applyProtection="1">
      <alignment horizontal="center" vertical="top" wrapText="1"/>
      <protection locked="0"/>
    </xf>
    <xf numFmtId="49" fontId="18" fillId="0" borderId="75" xfId="6" applyNumberFormat="1" applyFont="1" applyBorder="1" applyAlignment="1" applyProtection="1">
      <alignment horizontal="left" vertical="center" wrapText="1"/>
      <protection locked="0"/>
    </xf>
    <xf numFmtId="49" fontId="18" fillId="0" borderId="98" xfId="6" applyNumberFormat="1" applyFont="1" applyBorder="1" applyAlignment="1" applyProtection="1">
      <alignment horizontal="left" vertical="center" wrapText="1"/>
      <protection locked="0"/>
    </xf>
    <xf numFmtId="49" fontId="18" fillId="0" borderId="79" xfId="6" applyNumberFormat="1" applyFont="1" applyBorder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horizontal="left"/>
      <protection locked="0"/>
    </xf>
    <xf numFmtId="0" fontId="18" fillId="0" borderId="0" xfId="6" applyFont="1" applyAlignment="1" applyProtection="1">
      <alignment horizontal="left" vertical="center" wrapText="1"/>
      <protection locked="0"/>
    </xf>
    <xf numFmtId="0" fontId="24" fillId="0" borderId="0" xfId="6" applyFont="1" applyAlignment="1">
      <alignment horizontal="left" vertical="center" wrapText="1"/>
    </xf>
    <xf numFmtId="0" fontId="18" fillId="0" borderId="0" xfId="6" applyFont="1" applyAlignment="1" applyProtection="1">
      <alignment horizontal="left" wrapText="1"/>
      <protection locked="0"/>
    </xf>
    <xf numFmtId="0" fontId="19" fillId="0" borderId="0" xfId="6" applyFont="1" applyAlignment="1" applyProtection="1">
      <alignment horizontal="left" wrapText="1"/>
      <protection locked="0"/>
    </xf>
    <xf numFmtId="0" fontId="21" fillId="0" borderId="0" xfId="0" applyNumberFormat="1" applyFont="1" applyAlignment="1" applyProtection="1">
      <alignment horizontal="left" vertical="top" wrapText="1"/>
      <protection locked="0"/>
    </xf>
    <xf numFmtId="0" fontId="20" fillId="0" borderId="0" xfId="6" applyFont="1" applyFill="1" applyAlignment="1" applyProtection="1">
      <alignment horizontal="center" vertical="center" wrapText="1"/>
      <protection locked="0"/>
    </xf>
    <xf numFmtId="0" fontId="29" fillId="0" borderId="0" xfId="6" applyFont="1" applyAlignment="1" applyProtection="1">
      <alignment horizontal="left" vertical="center" wrapText="1"/>
      <protection locked="0"/>
    </xf>
  </cellXfs>
  <cellStyles count="8">
    <cellStyle name="Hypertextové prepojenie" xfId="4" builtinId="8"/>
    <cellStyle name="Normálna 2" xfId="5"/>
    <cellStyle name="Normálna 2 3" xfId="7"/>
    <cellStyle name="Normálna 2 6" xfId="6"/>
    <cellStyle name="Normálne" xfId="0" builtinId="0"/>
    <cellStyle name="normálne 2 2" xfId="1"/>
    <cellStyle name="normálne 2 2 2" xfId="3"/>
    <cellStyle name="Normálne 4" xfId="2"/>
  </cellStyles>
  <dxfs count="3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1.xml"/><Relationship Id="rId1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externalLink" Target="externalLinks/externalLink2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7</xdr:row>
          <xdr:rowOff>142875</xdr:rowOff>
        </xdr:from>
        <xdr:to>
          <xdr:col>0</xdr:col>
          <xdr:colOff>285750</xdr:colOff>
          <xdr:row>9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=""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9</xdr:row>
          <xdr:rowOff>171450</xdr:rowOff>
        </xdr:from>
        <xdr:to>
          <xdr:col>0</xdr:col>
          <xdr:colOff>285750</xdr:colOff>
          <xdr:row>21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=""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71450</xdr:colOff>
          <xdr:row>4</xdr:row>
          <xdr:rowOff>142875</xdr:rowOff>
        </xdr:from>
        <xdr:to>
          <xdr:col>1</xdr:col>
          <xdr:colOff>57150</xdr:colOff>
          <xdr:row>7</xdr:row>
          <xdr:rowOff>47625</xdr:rowOff>
        </xdr:to>
        <xdr:sp macro="" textlink="">
          <xdr:nvSpPr>
            <xdr:cNvPr id="23553" name="Check Box 1" hidden="1">
              <a:extLst>
                <a:ext uri="{63B3BB69-23CF-44E3-9099-C40C66FF867C}">
                  <a14:compatExt spid="_x0000_s23553"/>
                </a:ext>
                <a:ext uri="{FF2B5EF4-FFF2-40B4-BE49-F238E27FC236}">
                  <a16:creationId xmlns=""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5</xdr:row>
          <xdr:rowOff>323850</xdr:rowOff>
        </xdr:from>
        <xdr:to>
          <xdr:col>1</xdr:col>
          <xdr:colOff>47625</xdr:colOff>
          <xdr:row>8</xdr:row>
          <xdr:rowOff>247650</xdr:rowOff>
        </xdr:to>
        <xdr:sp macro="" textlink="">
          <xdr:nvSpPr>
            <xdr:cNvPr id="23554" name="Check Box 2" hidden="1">
              <a:extLst>
                <a:ext uri="{63B3BB69-23CF-44E3-9099-C40C66FF867C}">
                  <a14:compatExt spid="_x0000_s2355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5</xdr:row>
          <xdr:rowOff>0</xdr:rowOff>
        </xdr:from>
        <xdr:to>
          <xdr:col>1</xdr:col>
          <xdr:colOff>47625</xdr:colOff>
          <xdr:row>18</xdr:row>
          <xdr:rowOff>28575</xdr:rowOff>
        </xdr:to>
        <xdr:sp macro="" textlink="">
          <xdr:nvSpPr>
            <xdr:cNvPr id="23555" name="Check Box 3" hidden="1">
              <a:extLst>
                <a:ext uri="{63B3BB69-23CF-44E3-9099-C40C66FF867C}">
                  <a14:compatExt spid="_x0000_s23555"/>
                </a:ext>
                <a:ext uri="{FF2B5EF4-FFF2-40B4-BE49-F238E27FC236}">
                  <a16:creationId xmlns=""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6</xdr:row>
          <xdr:rowOff>381000</xdr:rowOff>
        </xdr:from>
        <xdr:to>
          <xdr:col>1</xdr:col>
          <xdr:colOff>47625</xdr:colOff>
          <xdr:row>19</xdr:row>
          <xdr:rowOff>180975</xdr:rowOff>
        </xdr:to>
        <xdr:sp macro="" textlink="">
          <xdr:nvSpPr>
            <xdr:cNvPr id="23556" name="Check Box 4" hidden="1">
              <a:extLst>
                <a:ext uri="{63B3BB69-23CF-44E3-9099-C40C66FF867C}">
                  <a14:compatExt spid="_x0000_s2355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1.%20MAGDA_aktualizovan&#253;/KATKINE%20Z&#193;KAZKY/2022_123_&#352;ZM%20pre%20r&#225;diofrekven&#269;n&#250;%20abl&#225;cia%20sk.%202/06.%20SP+pr&#237;lohy/Prilohy%20&#269;.%201-%208%20k%20SP_fin&#225;l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5/02.%20Oddelenie%20VO/01.%20Prebiehaj&#250;ce%20z&#225;kazky/06.%20Robo/29-2024%20Kanyly/06.%20S&#250;&#357;a&#382;n&#233;%20podklady/02.%20K%20vyhl&#225;seniu%20(po%20s&#250;hlase%20MZ%20SR)/S&#250;&#357;a&#382;n&#233;%20podklady%20-%20Pr&#237;lohy%20&#269;.%201%20a&#382;%20&#269;.%209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1"/>
      <sheetName val="Príloha č.2"/>
      <sheetName val="Príloha č.3"/>
      <sheetName val="Príloha č.4"/>
      <sheetName val="Príloha č.5_časť 1"/>
      <sheetName val="Príloha č.5_časť 2"/>
      <sheetName val="Príloha č.6_časť 1"/>
      <sheetName val="Príloha č.6_časť 2"/>
      <sheetName val="Príloha č.7_časť 1"/>
      <sheetName val="Príloha č.7_časť 2"/>
      <sheetName val="Príloha č.8_k_RD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 "/>
      <sheetName val="Príloha č. 5 - časť 1"/>
      <sheetName val="Príloha č. 5 - časť 2"/>
      <sheetName val="Príloha č. 5 - časť 3"/>
      <sheetName val="Príloha č. 5 - časť 4"/>
      <sheetName val="Príloha č. 5 - časť 5"/>
      <sheetName val="Príloha č. 5 - časť 6"/>
      <sheetName val="Príloha č. 5 - časť 7"/>
      <sheetName val="Príloha č. 5 - časť 8"/>
      <sheetName val="Príloha č. 5 - časť 9"/>
      <sheetName val="Príloha č. 5 - časť 10"/>
      <sheetName val="Príloha č. 5 - časť 11"/>
      <sheetName val="Príloha č. 5 - časť 12"/>
      <sheetName val="Príloha č. 5 - časť 13"/>
      <sheetName val="Príloha č. 5 - časť 14"/>
      <sheetName val="Príloha č. 5 - časť 15"/>
      <sheetName val="Príloha č. 5 - časť 16"/>
      <sheetName val="Príloha č. 5 - časť 17"/>
      <sheetName val="Príloha č. 5 - časť 18"/>
      <sheetName val="Príloha č. 5 - časť 19"/>
      <sheetName val="Príloha č. 5 - časť 20"/>
      <sheetName val=" Príloha č. 6 - časť 1"/>
      <sheetName val=" Príloha č. 6 - časť 2"/>
      <sheetName val=" Príloha č. 6 - časť 3"/>
      <sheetName val=" Príloha č. 6 - časť 4"/>
      <sheetName val=" Príloha č. 6 - časť 5"/>
      <sheetName val=" Príloha č. 6 - časť 6"/>
      <sheetName val=" Príloha č. 6 - časť 7"/>
      <sheetName val=" Príloha č. 6 - časť 8"/>
      <sheetName val=" Príloha č. 6 - časť 9"/>
      <sheetName val=" Príloha č. 6 - časť 10"/>
      <sheetName val=" Príloha č. 6 - časť 11"/>
      <sheetName val=" Príloha č. 6 - časť 12"/>
      <sheetName val=" Príloha č. 6 - časť 13"/>
      <sheetName val=" Príloha č. 6 - časť 14"/>
      <sheetName val=" Príloha č. 6 - časť 15"/>
      <sheetName val=" Príloha č. 6 - časť 16"/>
      <sheetName val=" Príloha č. 6 - časť 17"/>
      <sheetName val=" Príloha č. 6 - časť 18"/>
      <sheetName val=" Príloha č. 6 - časť 19"/>
      <sheetName val=" Príloha č. 6 - časť 20"/>
      <sheetName val="Príloha č. 7 - časť 1"/>
      <sheetName val="Príloha č. 7 - časť 2"/>
      <sheetName val="Príloha č. 7 - časť 3"/>
      <sheetName val="Príloha č. 7 - časť 4"/>
      <sheetName val="Príloha č. 7 - časť 5"/>
      <sheetName val="Príloha č. 7 - časť 6"/>
      <sheetName val="Príloha č. 7 - časť 7"/>
      <sheetName val="Príloha č. 7 - časť 8"/>
      <sheetName val="Príloha č. 7 - časť 9"/>
      <sheetName val="Príloha č. 7 - časť 10"/>
      <sheetName val="Príloha č. 7 - časť 11"/>
      <sheetName val="Príloha č. 7 - časť 12"/>
      <sheetName val="Príloha č. 7 - časť 13"/>
      <sheetName val="Príloha č. 7 - časť 14"/>
      <sheetName val="Príloha č. 7 - časť 15"/>
      <sheetName val="Príloha č. 7 - časť 16"/>
      <sheetName val="Príloha č. 7 - časť 17"/>
      <sheetName val="Príloha č. 7 - časť 18"/>
      <sheetName val="Príloha č. 7 - časť 19"/>
      <sheetName val="Príloha č. 7 - časť 20"/>
      <sheetName val="Príloha č. 8"/>
      <sheetName val="Príloha č. 9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1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1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6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12.bin"/><Relationship Id="rId6" Type="http://schemas.openxmlformats.org/officeDocument/2006/relationships/ctrlProp" Target="../ctrlProps/ctrlProp5.xml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zoomScaleNormal="100" workbookViewId="0">
      <selection activeCell="A2" sqref="A2:D2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305" t="s">
        <v>12</v>
      </c>
      <c r="B1" s="305"/>
    </row>
    <row r="2" spans="1:10" ht="30" customHeight="1" x14ac:dyDescent="0.2">
      <c r="A2" s="311" t="s">
        <v>124</v>
      </c>
      <c r="B2" s="311"/>
      <c r="C2" s="311"/>
      <c r="D2" s="311"/>
    </row>
    <row r="3" spans="1:10" ht="24.95" customHeight="1" x14ac:dyDescent="0.2">
      <c r="A3" s="306"/>
      <c r="B3" s="306"/>
      <c r="C3" s="306"/>
    </row>
    <row r="4" spans="1:10" ht="14.25" x14ac:dyDescent="0.2">
      <c r="A4" s="307" t="s">
        <v>13</v>
      </c>
      <c r="B4" s="307"/>
      <c r="C4" s="307"/>
      <c r="D4" s="307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304" t="s">
        <v>1</v>
      </c>
      <c r="B6" s="304"/>
      <c r="C6" s="308"/>
      <c r="D6" s="308"/>
      <c r="F6" s="12"/>
    </row>
    <row r="7" spans="1:10" s="3" customFormat="1" ht="15" customHeight="1" x14ac:dyDescent="0.25">
      <c r="A7" s="304" t="s">
        <v>2</v>
      </c>
      <c r="B7" s="304"/>
      <c r="C7" s="309"/>
      <c r="D7" s="309"/>
    </row>
    <row r="8" spans="1:10" s="3" customFormat="1" ht="15" customHeight="1" x14ac:dyDescent="0.25">
      <c r="A8" s="304" t="s">
        <v>3</v>
      </c>
      <c r="B8" s="304"/>
      <c r="C8" s="312"/>
      <c r="D8" s="312"/>
    </row>
    <row r="9" spans="1:10" s="3" customFormat="1" ht="15" customHeight="1" x14ac:dyDescent="0.25">
      <c r="A9" s="304" t="s">
        <v>4</v>
      </c>
      <c r="B9" s="304"/>
      <c r="C9" s="312"/>
      <c r="D9" s="312"/>
    </row>
    <row r="10" spans="1:10" x14ac:dyDescent="0.2">
      <c r="A10" s="1"/>
      <c r="B10" s="1"/>
      <c r="C10" s="1"/>
    </row>
    <row r="11" spans="1:10" x14ac:dyDescent="0.2">
      <c r="A11" s="310" t="s">
        <v>14</v>
      </c>
      <c r="B11" s="310"/>
      <c r="C11" s="310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304" t="s">
        <v>5</v>
      </c>
      <c r="B12" s="304"/>
      <c r="C12" s="313" t="s">
        <v>25</v>
      </c>
      <c r="D12" s="313"/>
    </row>
    <row r="13" spans="1:10" s="3" customFormat="1" ht="15" customHeight="1" x14ac:dyDescent="0.25">
      <c r="A13" s="304" t="s">
        <v>6</v>
      </c>
      <c r="B13" s="304"/>
      <c r="C13" s="316"/>
      <c r="D13" s="316"/>
    </row>
    <row r="14" spans="1:10" s="3" customFormat="1" ht="15" customHeight="1" x14ac:dyDescent="0.25">
      <c r="A14" s="304" t="s">
        <v>7</v>
      </c>
      <c r="B14" s="304"/>
      <c r="C14" s="317"/>
      <c r="D14" s="317"/>
    </row>
    <row r="15" spans="1:10" x14ac:dyDescent="0.2">
      <c r="A15" s="1"/>
      <c r="B15" s="1"/>
      <c r="C15" s="1"/>
    </row>
    <row r="16" spans="1:10" x14ac:dyDescent="0.2">
      <c r="A16" s="310" t="s">
        <v>15</v>
      </c>
      <c r="B16" s="310"/>
      <c r="C16" s="310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304" t="s">
        <v>5</v>
      </c>
      <c r="B17" s="304"/>
      <c r="C17" s="313"/>
      <c r="D17" s="313"/>
    </row>
    <row r="18" spans="1:5" s="3" customFormat="1" ht="15" customHeight="1" x14ac:dyDescent="0.25">
      <c r="A18" s="304" t="s">
        <v>16</v>
      </c>
      <c r="B18" s="304"/>
      <c r="C18" s="316"/>
      <c r="D18" s="316"/>
    </row>
    <row r="19" spans="1:5" s="3" customFormat="1" ht="15" customHeight="1" x14ac:dyDescent="0.25">
      <c r="A19" s="304" t="s">
        <v>7</v>
      </c>
      <c r="B19" s="304"/>
      <c r="C19" s="317"/>
      <c r="D19" s="317"/>
    </row>
    <row r="20" spans="1:5" x14ac:dyDescent="0.2">
      <c r="B20" s="305"/>
      <c r="C20" s="305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0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205" t="s">
        <v>86</v>
      </c>
    </row>
    <row r="29" spans="1:5" x14ac:dyDescent="0.2">
      <c r="A29" s="314" t="s">
        <v>10</v>
      </c>
      <c r="B29" s="314"/>
      <c r="C29" s="30"/>
    </row>
    <row r="30" spans="1:5" s="10" customFormat="1" ht="12" customHeight="1" x14ac:dyDescent="0.2">
      <c r="A30" s="97"/>
      <c r="B30" s="315" t="s">
        <v>11</v>
      </c>
      <c r="C30" s="315"/>
      <c r="D30" s="8"/>
      <c r="E30" s="9"/>
    </row>
    <row r="31" spans="1:5" x14ac:dyDescent="0.2">
      <c r="A31" s="30"/>
      <c r="B31" s="30"/>
      <c r="C31" s="30"/>
    </row>
    <row r="97" spans="4:4" x14ac:dyDescent="0.2">
      <c r="D97" s="7" t="str">
        <f>IF('Príloha č. 1'!C8="","",'Príloha č. 1'!C8:D8)</f>
        <v/>
      </c>
    </row>
  </sheetData>
  <mergeCells count="29"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</mergeCells>
  <conditionalFormatting sqref="A30:B30">
    <cfRule type="containsBlanks" dxfId="38" priority="6">
      <formula>LEN(TRIM(A30))=0</formula>
    </cfRule>
  </conditionalFormatting>
  <conditionalFormatting sqref="B23:B24">
    <cfRule type="containsBlanks" dxfId="37" priority="4">
      <formula>LEN(TRIM(B23))=0</formula>
    </cfRule>
  </conditionalFormatting>
  <conditionalFormatting sqref="C6:D9">
    <cfRule type="containsBlanks" dxfId="36" priority="3">
      <formula>LEN(TRIM(C6))=0</formula>
    </cfRule>
  </conditionalFormatting>
  <conditionalFormatting sqref="C12:D14">
    <cfRule type="containsBlanks" dxfId="35" priority="2">
      <formula>LEN(TRIM(C12))=0</formula>
    </cfRule>
  </conditionalFormatting>
  <conditionalFormatting sqref="C17:D19">
    <cfRule type="containsBlanks" dxfId="34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6">
    <tabColor rgb="FFFFFF00"/>
    <pageSetUpPr fitToPage="1"/>
  </sheetPr>
  <dimension ref="A1:W28"/>
  <sheetViews>
    <sheetView showGridLines="0" zoomScale="80" zoomScaleNormal="80" workbookViewId="0">
      <selection activeCell="N10" sqref="N10:P12"/>
    </sheetView>
  </sheetViews>
  <sheetFormatPr defaultRowHeight="12.75" x14ac:dyDescent="0.2"/>
  <cols>
    <col min="1" max="1" width="5.28515625" style="36" customWidth="1"/>
    <col min="2" max="2" width="18.5703125" style="36" customWidth="1"/>
    <col min="3" max="3" width="15.85546875" style="36" customWidth="1"/>
    <col min="4" max="4" width="12.7109375" style="201" customWidth="1"/>
    <col min="5" max="5" width="20" style="201" customWidth="1"/>
    <col min="6" max="6" width="19.85546875" style="201" customWidth="1"/>
    <col min="7" max="7" width="15.42578125" style="201" customWidth="1"/>
    <col min="8" max="8" width="17" style="201" customWidth="1"/>
    <col min="9" max="11" width="15.7109375" style="251" customWidth="1"/>
    <col min="12" max="12" width="13.85546875" style="251" customWidth="1"/>
    <col min="13" max="13" width="12.710937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23" ht="15" customHeight="1" x14ac:dyDescent="0.2">
      <c r="A1" s="352" t="s">
        <v>12</v>
      </c>
      <c r="B1" s="352"/>
      <c r="C1" s="200"/>
    </row>
    <row r="2" spans="1:23" ht="15" customHeight="1" x14ac:dyDescent="0.2">
      <c r="A2" s="353" t="str">
        <f>'Príloha č. 1'!A2:B2</f>
        <v>Lieky skupiny ATC B05BA10, C07AB14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  <c r="L2" s="353"/>
      <c r="M2" s="353"/>
      <c r="N2" s="353"/>
      <c r="O2" s="353"/>
      <c r="P2" s="353"/>
    </row>
    <row r="3" spans="1:23" ht="15" customHeight="1" x14ac:dyDescent="0.2">
      <c r="A3" s="392"/>
      <c r="B3" s="392"/>
      <c r="C3" s="201"/>
    </row>
    <row r="4" spans="1:23" s="37" customFormat="1" ht="45" customHeight="1" x14ac:dyDescent="0.25">
      <c r="A4" s="393" t="s">
        <v>45</v>
      </c>
      <c r="B4" s="393"/>
      <c r="C4" s="393"/>
      <c r="D4" s="393"/>
      <c r="E4" s="393"/>
      <c r="F4" s="393"/>
      <c r="G4" s="393"/>
      <c r="H4" s="393"/>
      <c r="I4" s="393"/>
      <c r="J4" s="393"/>
      <c r="K4" s="393"/>
      <c r="L4" s="393"/>
      <c r="M4" s="393"/>
      <c r="N4" s="393"/>
      <c r="O4" s="393"/>
      <c r="P4" s="393"/>
    </row>
    <row r="5" spans="1:23" s="22" customFormat="1" ht="19.5" customHeight="1" x14ac:dyDescent="0.2">
      <c r="A5" s="394" t="s">
        <v>145</v>
      </c>
      <c r="B5" s="394"/>
      <c r="C5" s="394"/>
      <c r="D5" s="394"/>
      <c r="E5" s="394"/>
      <c r="F5" s="394"/>
      <c r="G5" s="394"/>
      <c r="H5" s="394"/>
      <c r="I5" s="394"/>
      <c r="J5" s="394"/>
      <c r="K5" s="394"/>
      <c r="L5" s="394"/>
      <c r="M5" s="394"/>
      <c r="N5" s="394"/>
      <c r="O5" s="394"/>
      <c r="P5" s="394"/>
      <c r="Q5" s="394"/>
      <c r="S5" s="38"/>
      <c r="T5" s="38"/>
      <c r="W5" s="38"/>
    </row>
    <row r="6" spans="1:23" s="56" customFormat="1" ht="21.75" customHeight="1" thickBot="1" x14ac:dyDescent="0.3">
      <c r="A6" s="390" t="s">
        <v>146</v>
      </c>
      <c r="B6" s="391"/>
      <c r="C6" s="391"/>
      <c r="D6" s="391"/>
      <c r="E6" s="391"/>
      <c r="F6" s="391"/>
      <c r="G6" s="391"/>
      <c r="H6" s="391"/>
      <c r="I6" s="391"/>
      <c r="J6" s="391"/>
      <c r="K6" s="391"/>
      <c r="L6" s="391"/>
      <c r="M6" s="391"/>
      <c r="N6" s="391"/>
      <c r="O6" s="391"/>
      <c r="P6" s="391"/>
    </row>
    <row r="7" spans="1:23" s="39" customFormat="1" ht="24.75" customHeight="1" x14ac:dyDescent="0.25">
      <c r="A7" s="395" t="s">
        <v>40</v>
      </c>
      <c r="B7" s="399" t="s">
        <v>46</v>
      </c>
      <c r="C7" s="399" t="s">
        <v>114</v>
      </c>
      <c r="D7" s="395" t="s">
        <v>115</v>
      </c>
      <c r="E7" s="395" t="s">
        <v>116</v>
      </c>
      <c r="F7" s="395" t="s">
        <v>47</v>
      </c>
      <c r="G7" s="395" t="s">
        <v>117</v>
      </c>
      <c r="H7" s="395" t="s">
        <v>118</v>
      </c>
      <c r="I7" s="395" t="s">
        <v>119</v>
      </c>
      <c r="J7" s="395" t="s">
        <v>120</v>
      </c>
      <c r="K7" s="395" t="s">
        <v>121</v>
      </c>
      <c r="L7" s="395" t="s">
        <v>122</v>
      </c>
      <c r="M7" s="395" t="s">
        <v>123</v>
      </c>
      <c r="N7" s="404" t="s">
        <v>57</v>
      </c>
      <c r="O7" s="400"/>
      <c r="P7" s="401"/>
      <c r="Q7" s="402" t="s">
        <v>68</v>
      </c>
    </row>
    <row r="8" spans="1:23" s="39" customFormat="1" ht="64.5" customHeight="1" x14ac:dyDescent="0.25">
      <c r="A8" s="395"/>
      <c r="B8" s="399"/>
      <c r="C8" s="399"/>
      <c r="D8" s="395"/>
      <c r="E8" s="395"/>
      <c r="F8" s="395"/>
      <c r="G8" s="395"/>
      <c r="H8" s="395"/>
      <c r="I8" s="395"/>
      <c r="J8" s="395"/>
      <c r="K8" s="395"/>
      <c r="L8" s="395"/>
      <c r="M8" s="395"/>
      <c r="N8" s="40" t="s">
        <v>42</v>
      </c>
      <c r="O8" s="41" t="s">
        <v>59</v>
      </c>
      <c r="P8" s="136" t="s">
        <v>43</v>
      </c>
      <c r="Q8" s="403"/>
    </row>
    <row r="9" spans="1:23" s="45" customFormat="1" ht="12" customHeight="1" x14ac:dyDescent="0.25">
      <c r="A9" s="77" t="s">
        <v>27</v>
      </c>
      <c r="B9" s="78" t="s">
        <v>28</v>
      </c>
      <c r="C9" s="79" t="s">
        <v>29</v>
      </c>
      <c r="D9" s="78" t="s">
        <v>30</v>
      </c>
      <c r="E9" s="271" t="s">
        <v>31</v>
      </c>
      <c r="F9" s="271" t="s">
        <v>32</v>
      </c>
      <c r="G9" s="272" t="s">
        <v>33</v>
      </c>
      <c r="H9" s="271" t="s">
        <v>34</v>
      </c>
      <c r="I9" s="271">
        <v>9</v>
      </c>
      <c r="J9" s="78">
        <v>10</v>
      </c>
      <c r="K9" s="273">
        <v>11</v>
      </c>
      <c r="L9" s="273">
        <v>12</v>
      </c>
      <c r="M9" s="274">
        <v>13</v>
      </c>
      <c r="N9" s="76">
        <v>14</v>
      </c>
      <c r="O9" s="75">
        <v>15</v>
      </c>
      <c r="P9" s="137">
        <v>16</v>
      </c>
      <c r="Q9" s="135">
        <v>17</v>
      </c>
    </row>
    <row r="10" spans="1:23" s="47" customFormat="1" ht="29.1" customHeight="1" x14ac:dyDescent="0.25">
      <c r="A10" s="80"/>
      <c r="B10" s="105"/>
      <c r="C10" s="108"/>
      <c r="D10" s="265"/>
      <c r="E10" s="253"/>
      <c r="F10" s="265"/>
      <c r="G10" s="265"/>
      <c r="H10" s="81"/>
      <c r="I10" s="81"/>
      <c r="J10" s="81"/>
      <c r="K10" s="81"/>
      <c r="L10" s="81"/>
      <c r="M10" s="81"/>
      <c r="N10" s="295"/>
      <c r="O10" s="296"/>
      <c r="P10" s="297"/>
      <c r="Q10" s="396" t="s">
        <v>148</v>
      </c>
    </row>
    <row r="11" spans="1:23" s="47" customFormat="1" ht="27.75" customHeight="1" x14ac:dyDescent="0.25">
      <c r="A11" s="111"/>
      <c r="B11" s="106"/>
      <c r="C11" s="109"/>
      <c r="D11" s="254"/>
      <c r="E11" s="267"/>
      <c r="F11" s="267"/>
      <c r="G11" s="267"/>
      <c r="H11" s="82"/>
      <c r="I11" s="82"/>
      <c r="J11" s="82"/>
      <c r="K11" s="82"/>
      <c r="L11" s="82"/>
      <c r="M11" s="82"/>
      <c r="N11" s="298"/>
      <c r="O11" s="299"/>
      <c r="P11" s="300"/>
      <c r="Q11" s="397"/>
    </row>
    <row r="12" spans="1:23" s="47" customFormat="1" ht="29.1" customHeight="1" thickBot="1" x14ac:dyDescent="0.3">
      <c r="A12" s="112"/>
      <c r="B12" s="107"/>
      <c r="C12" s="110"/>
      <c r="D12" s="255"/>
      <c r="E12" s="269"/>
      <c r="F12" s="269"/>
      <c r="G12" s="268"/>
      <c r="H12" s="269"/>
      <c r="I12" s="83"/>
      <c r="J12" s="83"/>
      <c r="K12" s="83"/>
      <c r="L12" s="83"/>
      <c r="M12" s="83"/>
      <c r="N12" s="301"/>
      <c r="O12" s="302"/>
      <c r="P12" s="303"/>
      <c r="Q12" s="398"/>
    </row>
    <row r="13" spans="1:23" s="47" customFormat="1" ht="29.1" customHeight="1" x14ac:dyDescent="0.25">
      <c r="A13" s="95"/>
      <c r="B13" s="120"/>
      <c r="C13" s="120"/>
      <c r="D13" s="95"/>
      <c r="E13" s="202"/>
      <c r="F13" s="95"/>
      <c r="G13" s="95"/>
      <c r="H13" s="95"/>
      <c r="I13" s="95"/>
      <c r="J13" s="95"/>
      <c r="K13" s="95"/>
      <c r="L13" s="95"/>
      <c r="M13" s="95"/>
      <c r="N13" s="121"/>
      <c r="O13" s="122"/>
      <c r="P13" s="121"/>
      <c r="Q13" s="95"/>
    </row>
    <row r="14" spans="1:23" s="47" customFormat="1" ht="24.95" customHeight="1" x14ac:dyDescent="0.25">
      <c r="A14" s="95"/>
      <c r="B14" s="120"/>
      <c r="C14" s="120"/>
      <c r="D14" s="95"/>
      <c r="E14" s="95"/>
      <c r="F14" s="95"/>
      <c r="G14" s="95"/>
      <c r="H14" s="95"/>
      <c r="I14" s="95"/>
      <c r="J14" s="95"/>
      <c r="K14" s="95"/>
      <c r="L14" s="95"/>
      <c r="M14" s="95"/>
      <c r="N14" s="121"/>
      <c r="O14" s="122"/>
      <c r="P14" s="121"/>
    </row>
    <row r="15" spans="1:23" s="19" customFormat="1" ht="20.100000000000001" customHeight="1" x14ac:dyDescent="0.25">
      <c r="A15" s="361" t="s">
        <v>38</v>
      </c>
      <c r="B15" s="361"/>
      <c r="C15" s="361"/>
      <c r="D15" s="361"/>
      <c r="E15" s="361"/>
      <c r="F15" s="361"/>
      <c r="G15" s="361"/>
      <c r="H15" s="361"/>
      <c r="I15" s="361"/>
      <c r="J15" s="361"/>
      <c r="K15" s="361"/>
      <c r="L15" s="361"/>
      <c r="M15" s="361"/>
      <c r="N15" s="361"/>
      <c r="O15" s="361"/>
    </row>
    <row r="16" spans="1:23" s="19" customFormat="1" ht="20.100000000000001" customHeight="1" x14ac:dyDescent="0.25">
      <c r="A16" s="119"/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  <c r="M16" s="119"/>
      <c r="N16" s="119"/>
      <c r="O16" s="119"/>
    </row>
    <row r="17" spans="1:16" s="56" customFormat="1" ht="15" customHeight="1" x14ac:dyDescent="0.25">
      <c r="A17" s="362" t="s">
        <v>1</v>
      </c>
      <c r="B17" s="362"/>
      <c r="C17" s="386" t="str">
        <f>IF('Príloha č. 1'!$C$6="","",'Príloha č. 1'!$C$6)</f>
        <v/>
      </c>
      <c r="D17" s="386"/>
      <c r="E17" s="64"/>
      <c r="F17" s="64"/>
      <c r="N17" s="57"/>
    </row>
    <row r="18" spans="1:16" s="56" customFormat="1" ht="15" customHeight="1" x14ac:dyDescent="0.25">
      <c r="A18" s="347" t="s">
        <v>2</v>
      </c>
      <c r="B18" s="347"/>
      <c r="C18" s="387" t="str">
        <f>IF('Príloha č. 1'!$C$7="","",'Príloha č. 1'!$C$7)</f>
        <v/>
      </c>
      <c r="D18" s="387"/>
      <c r="E18" s="218"/>
      <c r="F18" s="218"/>
    </row>
    <row r="19" spans="1:16" s="56" customFormat="1" ht="15" customHeight="1" x14ac:dyDescent="0.25">
      <c r="A19" s="347" t="s">
        <v>3</v>
      </c>
      <c r="B19" s="347"/>
      <c r="C19" s="388" t="str">
        <f>IF('Príloha č. 1'!C8:D8="","",'Príloha č. 1'!C8:D8)</f>
        <v/>
      </c>
      <c r="D19" s="388"/>
      <c r="E19" s="218"/>
      <c r="F19" s="218"/>
    </row>
    <row r="20" spans="1:16" s="56" customFormat="1" ht="15" customHeight="1" x14ac:dyDescent="0.25">
      <c r="A20" s="347" t="s">
        <v>4</v>
      </c>
      <c r="B20" s="347"/>
      <c r="C20" s="388" t="str">
        <f>IF('Príloha č. 1'!C9:D9="","",'Príloha č. 1'!C9:D9)</f>
        <v/>
      </c>
      <c r="D20" s="388"/>
      <c r="E20" s="218"/>
      <c r="F20" s="218"/>
    </row>
    <row r="23" spans="1:16" ht="15" customHeight="1" x14ac:dyDescent="0.2">
      <c r="A23" s="36" t="s">
        <v>8</v>
      </c>
      <c r="B23" s="101" t="str">
        <f>IF('Príloha č. 1'!B23:B23="","",'Príloha č. 1'!B23:B23)</f>
        <v/>
      </c>
      <c r="C23" s="217"/>
      <c r="D23" s="217"/>
      <c r="E23" s="217"/>
      <c r="F23" s="36"/>
      <c r="G23" s="36"/>
      <c r="H23" s="36"/>
      <c r="I23" s="36"/>
      <c r="J23" s="36"/>
      <c r="K23" s="36"/>
      <c r="L23" s="36"/>
    </row>
    <row r="24" spans="1:16" ht="15" customHeight="1" x14ac:dyDescent="0.2">
      <c r="A24" s="36" t="s">
        <v>9</v>
      </c>
      <c r="B24" s="28" t="str">
        <f>IF('Príloha č. 1'!B24:B24="","",'Príloha č. 1'!B24:B24)</f>
        <v/>
      </c>
      <c r="C24" s="217"/>
      <c r="D24" s="217"/>
      <c r="E24" s="217"/>
      <c r="F24" s="36"/>
      <c r="G24" s="36"/>
      <c r="H24" s="36"/>
      <c r="I24" s="36"/>
      <c r="J24" s="36"/>
      <c r="K24" s="36"/>
      <c r="L24" s="36"/>
    </row>
    <row r="25" spans="1:16" ht="39.950000000000003" customHeight="1" x14ac:dyDescent="0.2">
      <c r="D25" s="217"/>
      <c r="E25" s="217"/>
      <c r="F25" s="217"/>
      <c r="G25" s="392" t="s">
        <v>65</v>
      </c>
      <c r="H25" s="392"/>
      <c r="I25" s="392"/>
      <c r="J25" s="392"/>
      <c r="K25" s="392"/>
      <c r="L25" s="249"/>
      <c r="O25" s="100"/>
      <c r="P25" s="74"/>
    </row>
    <row r="26" spans="1:16" ht="45" customHeight="1" x14ac:dyDescent="0.2">
      <c r="D26" s="217"/>
      <c r="E26" s="61"/>
      <c r="F26" s="384" t="s">
        <v>99</v>
      </c>
      <c r="G26" s="384"/>
      <c r="H26" s="384"/>
      <c r="I26" s="384"/>
      <c r="J26" s="384"/>
      <c r="K26" s="384"/>
      <c r="L26" s="384"/>
      <c r="M26" s="384"/>
      <c r="O26" s="384"/>
      <c r="P26" s="384"/>
    </row>
    <row r="27" spans="1:16" s="58" customFormat="1" x14ac:dyDescent="0.2">
      <c r="A27" s="351" t="s">
        <v>10</v>
      </c>
      <c r="B27" s="351"/>
      <c r="C27" s="216"/>
      <c r="D27" s="61"/>
      <c r="E27" s="217"/>
      <c r="F27" s="217"/>
      <c r="G27" s="217"/>
      <c r="H27" s="217"/>
      <c r="I27" s="251"/>
      <c r="J27" s="251"/>
      <c r="K27" s="251"/>
      <c r="L27" s="251"/>
    </row>
    <row r="28" spans="1:16" s="63" customFormat="1" ht="33" customHeight="1" x14ac:dyDescent="0.2">
      <c r="A28" s="59"/>
      <c r="B28" s="60" t="s">
        <v>11</v>
      </c>
      <c r="C28" s="60"/>
      <c r="D28" s="45"/>
      <c r="E28" s="217"/>
      <c r="F28" s="217"/>
      <c r="G28" s="217"/>
      <c r="H28" s="217"/>
      <c r="I28" s="251"/>
      <c r="J28" s="251"/>
      <c r="K28" s="251"/>
      <c r="L28" s="251"/>
      <c r="M28" s="61"/>
    </row>
  </sheetData>
  <mergeCells count="35">
    <mergeCell ref="Q10:Q12"/>
    <mergeCell ref="A7:A8"/>
    <mergeCell ref="B7:B8"/>
    <mergeCell ref="C7:C8"/>
    <mergeCell ref="D7:D8"/>
    <mergeCell ref="E7:E8"/>
    <mergeCell ref="F7:F8"/>
    <mergeCell ref="G7:G8"/>
    <mergeCell ref="H7:H8"/>
    <mergeCell ref="M7:M8"/>
    <mergeCell ref="N7:P7"/>
    <mergeCell ref="Q7:Q8"/>
    <mergeCell ref="I7:I8"/>
    <mergeCell ref="J7:J8"/>
    <mergeCell ref="K7:K8"/>
    <mergeCell ref="L7:L8"/>
    <mergeCell ref="A1:B1"/>
    <mergeCell ref="A2:P2"/>
    <mergeCell ref="A3:B3"/>
    <mergeCell ref="A4:P4"/>
    <mergeCell ref="A6:P6"/>
    <mergeCell ref="A5:Q5"/>
    <mergeCell ref="A15:O15"/>
    <mergeCell ref="A17:B17"/>
    <mergeCell ref="C17:D17"/>
    <mergeCell ref="A18:B18"/>
    <mergeCell ref="C18:D18"/>
    <mergeCell ref="F26:M26"/>
    <mergeCell ref="O26:P26"/>
    <mergeCell ref="A27:B27"/>
    <mergeCell ref="A19:B19"/>
    <mergeCell ref="C19:D19"/>
    <mergeCell ref="A20:B20"/>
    <mergeCell ref="C20:D20"/>
    <mergeCell ref="G25:K25"/>
  </mergeCells>
  <conditionalFormatting sqref="B23:B24">
    <cfRule type="containsBlanks" dxfId="5" priority="2">
      <formula>LEN(TRIM(B23))=0</formula>
    </cfRule>
  </conditionalFormatting>
  <conditionalFormatting sqref="C17:D20">
    <cfRule type="containsBlanks" dxfId="4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Hárok39">
    <pageSetUpPr fitToPage="1"/>
  </sheetPr>
  <dimension ref="A1:M32"/>
  <sheetViews>
    <sheetView showGridLines="0" zoomScale="90" zoomScaleNormal="90" workbookViewId="0">
      <selection activeCell="A2" sqref="A2:L2"/>
    </sheetView>
  </sheetViews>
  <sheetFormatPr defaultColWidth="9.140625" defaultRowHeight="12" x14ac:dyDescent="0.2"/>
  <cols>
    <col min="1" max="1" width="5.28515625" style="159" customWidth="1"/>
    <col min="2" max="2" width="26.7109375" style="159" customWidth="1"/>
    <col min="3" max="3" width="23.85546875" style="159" customWidth="1"/>
    <col min="4" max="4" width="20" style="159" customWidth="1"/>
    <col min="5" max="5" width="17" style="159" customWidth="1"/>
    <col min="6" max="6" width="16.5703125" style="159" customWidth="1"/>
    <col min="7" max="16384" width="9.140625" style="159"/>
  </cols>
  <sheetData>
    <row r="1" spans="1:13" ht="12.75" x14ac:dyDescent="0.25">
      <c r="A1" s="415" t="s">
        <v>12</v>
      </c>
      <c r="B1" s="416"/>
      <c r="C1" s="158"/>
      <c r="D1" s="158"/>
      <c r="E1" s="158"/>
      <c r="F1" s="158"/>
    </row>
    <row r="2" spans="1:13" ht="15" customHeight="1" x14ac:dyDescent="0.2">
      <c r="A2" s="353" t="str">
        <f>'Príloha č. 1'!A2:B2</f>
        <v>Lieky skupiny ATC B05BA10, C07AB14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1:13" ht="24.95" customHeight="1" x14ac:dyDescent="0.2">
      <c r="A3" s="417"/>
      <c r="B3" s="417"/>
      <c r="C3" s="417"/>
      <c r="D3" s="417"/>
      <c r="E3" s="417"/>
      <c r="F3" s="417"/>
    </row>
    <row r="4" spans="1:13" ht="18.75" x14ac:dyDescent="0.3">
      <c r="A4" s="418" t="s">
        <v>74</v>
      </c>
      <c r="B4" s="418"/>
      <c r="C4" s="418"/>
      <c r="D4" s="418"/>
      <c r="E4" s="418"/>
      <c r="F4" s="418"/>
      <c r="G4" s="160"/>
      <c r="H4" s="160"/>
      <c r="I4" s="160"/>
      <c r="J4" s="160"/>
      <c r="K4" s="160"/>
      <c r="L4" s="160"/>
      <c r="M4" s="160"/>
    </row>
    <row r="5" spans="1:13" x14ac:dyDescent="0.2">
      <c r="A5" s="161"/>
      <c r="B5" s="161"/>
      <c r="C5" s="161"/>
      <c r="D5" s="161"/>
      <c r="E5" s="161"/>
      <c r="F5" s="161"/>
    </row>
    <row r="6" spans="1:13" x14ac:dyDescent="0.2">
      <c r="A6" s="161"/>
      <c r="B6" s="161"/>
      <c r="C6" s="161"/>
      <c r="D6" s="161"/>
      <c r="E6" s="161"/>
      <c r="F6" s="161"/>
    </row>
    <row r="7" spans="1:13" x14ac:dyDescent="0.2">
      <c r="A7" s="161"/>
      <c r="B7" s="161"/>
      <c r="C7" s="161"/>
      <c r="D7" s="161"/>
      <c r="E7" s="161"/>
      <c r="F7" s="161"/>
    </row>
    <row r="8" spans="1:13" ht="17.25" customHeight="1" x14ac:dyDescent="0.2">
      <c r="A8" s="413" t="s">
        <v>75</v>
      </c>
      <c r="B8" s="413"/>
      <c r="C8" s="413"/>
      <c r="D8" s="413"/>
      <c r="E8" s="413"/>
      <c r="F8" s="413"/>
    </row>
    <row r="9" spans="1:13" ht="17.25" customHeight="1" x14ac:dyDescent="0.2">
      <c r="A9" s="162"/>
      <c r="B9" s="414" t="s">
        <v>76</v>
      </c>
      <c r="C9" s="414"/>
      <c r="D9" s="414"/>
      <c r="E9" s="162"/>
      <c r="F9" s="162"/>
    </row>
    <row r="10" spans="1:13" ht="9.9499999999999993" customHeight="1" thickBot="1" x14ac:dyDescent="0.25">
      <c r="A10" s="162"/>
      <c r="B10" s="162"/>
      <c r="C10" s="162"/>
      <c r="D10" s="162"/>
      <c r="E10" s="162"/>
      <c r="F10" s="162"/>
    </row>
    <row r="11" spans="1:13" ht="90.75" customHeight="1" x14ac:dyDescent="0.2">
      <c r="A11" s="163" t="s">
        <v>37</v>
      </c>
      <c r="B11" s="164" t="s">
        <v>77</v>
      </c>
      <c r="C11" s="164" t="s">
        <v>78</v>
      </c>
      <c r="D11" s="164" t="s">
        <v>53</v>
      </c>
      <c r="E11" s="165" t="s">
        <v>79</v>
      </c>
      <c r="F11" s="166" t="s">
        <v>80</v>
      </c>
    </row>
    <row r="12" spans="1:13" ht="15" customHeight="1" x14ac:dyDescent="0.2">
      <c r="A12" s="167" t="s">
        <v>27</v>
      </c>
      <c r="B12" s="168" t="s">
        <v>28</v>
      </c>
      <c r="C12" s="168" t="s">
        <v>29</v>
      </c>
      <c r="D12" s="168" t="s">
        <v>30</v>
      </c>
      <c r="E12" s="168" t="s">
        <v>31</v>
      </c>
      <c r="F12" s="169" t="s">
        <v>32</v>
      </c>
    </row>
    <row r="13" spans="1:13" ht="24.95" customHeight="1" x14ac:dyDescent="0.2">
      <c r="A13" s="170"/>
      <c r="B13" s="171"/>
      <c r="C13" s="172"/>
      <c r="D13" s="173"/>
      <c r="E13" s="174"/>
      <c r="F13" s="175"/>
    </row>
    <row r="14" spans="1:13" ht="24.95" customHeight="1" x14ac:dyDescent="0.2">
      <c r="A14" s="170"/>
      <c r="B14" s="171"/>
      <c r="C14" s="172"/>
      <c r="D14" s="173"/>
      <c r="E14" s="174"/>
      <c r="F14" s="175"/>
    </row>
    <row r="15" spans="1:13" s="176" customFormat="1" ht="24.95" customHeight="1" x14ac:dyDescent="0.25">
      <c r="A15" s="170"/>
      <c r="B15" s="171"/>
      <c r="C15" s="172"/>
      <c r="D15" s="173"/>
      <c r="E15" s="174"/>
      <c r="F15" s="175"/>
    </row>
    <row r="16" spans="1:13" s="176" customFormat="1" ht="24.95" customHeight="1" thickBot="1" x14ac:dyDescent="0.3">
      <c r="A16" s="177"/>
      <c r="B16" s="178"/>
      <c r="C16" s="179"/>
      <c r="D16" s="180"/>
      <c r="E16" s="181"/>
      <c r="F16" s="182"/>
    </row>
    <row r="17" spans="1:13" s="176" customFormat="1" ht="15" customHeight="1" x14ac:dyDescent="0.25">
      <c r="A17" s="411"/>
      <c r="B17" s="411"/>
      <c r="C17" s="411"/>
      <c r="D17" s="411"/>
      <c r="E17" s="411"/>
      <c r="F17" s="411"/>
    </row>
    <row r="18" spans="1:13" s="184" customFormat="1" ht="49.5" customHeight="1" x14ac:dyDescent="0.25">
      <c r="A18" s="412" t="s">
        <v>81</v>
      </c>
      <c r="B18" s="412"/>
      <c r="C18" s="412"/>
      <c r="D18" s="412"/>
      <c r="E18" s="412"/>
      <c r="F18" s="412"/>
      <c r="G18" s="183"/>
      <c r="H18" s="183"/>
      <c r="I18" s="183"/>
      <c r="J18" s="183"/>
      <c r="K18" s="183"/>
      <c r="L18" s="183"/>
      <c r="M18" s="183"/>
    </row>
    <row r="19" spans="1:13" s="184" customFormat="1" ht="9.9499999999999993" customHeight="1" x14ac:dyDescent="0.25">
      <c r="A19" s="185"/>
      <c r="B19" s="412"/>
      <c r="C19" s="412"/>
      <c r="D19" s="412"/>
      <c r="E19" s="412"/>
      <c r="F19" s="412"/>
      <c r="G19" s="186"/>
      <c r="H19" s="186"/>
      <c r="I19" s="186"/>
      <c r="J19" s="186"/>
      <c r="K19" s="186"/>
      <c r="L19" s="186"/>
      <c r="M19" s="186"/>
    </row>
    <row r="20" spans="1:13" s="184" customFormat="1" ht="20.100000000000001" customHeight="1" x14ac:dyDescent="0.25">
      <c r="A20" s="413" t="s">
        <v>82</v>
      </c>
      <c r="B20" s="413"/>
      <c r="C20" s="413"/>
      <c r="D20" s="413"/>
      <c r="E20" s="413"/>
      <c r="F20" s="413"/>
      <c r="G20" s="186"/>
      <c r="H20" s="186"/>
      <c r="I20" s="186"/>
      <c r="J20" s="186"/>
      <c r="K20" s="186"/>
      <c r="L20" s="186"/>
      <c r="M20" s="186"/>
    </row>
    <row r="21" spans="1:13" s="184" customFormat="1" ht="20.100000000000001" customHeight="1" x14ac:dyDescent="0.25">
      <c r="A21" s="162"/>
      <c r="B21" s="414" t="s">
        <v>83</v>
      </c>
      <c r="C21" s="414"/>
      <c r="D21" s="414"/>
      <c r="E21" s="414"/>
      <c r="F21" s="414"/>
      <c r="G21" s="186"/>
      <c r="H21" s="186"/>
      <c r="I21" s="186"/>
      <c r="J21" s="186"/>
      <c r="K21" s="186"/>
      <c r="L21" s="186"/>
      <c r="M21" s="186"/>
    </row>
    <row r="22" spans="1:13" s="184" customFormat="1" ht="20.100000000000001" customHeight="1" x14ac:dyDescent="0.25">
      <c r="A22" s="185"/>
      <c r="B22" s="187"/>
      <c r="C22" s="187"/>
      <c r="D22" s="187"/>
      <c r="E22" s="187"/>
      <c r="F22" s="187"/>
      <c r="G22" s="186"/>
      <c r="H22" s="186"/>
      <c r="I22" s="186"/>
      <c r="J22" s="186"/>
      <c r="K22" s="186"/>
      <c r="L22" s="186"/>
      <c r="M22" s="186"/>
    </row>
    <row r="23" spans="1:13" ht="15" customHeight="1" x14ac:dyDescent="0.2">
      <c r="A23" s="185"/>
      <c r="B23" s="187"/>
      <c r="C23" s="187"/>
      <c r="D23" s="187"/>
      <c r="E23" s="187"/>
      <c r="F23" s="187"/>
    </row>
    <row r="24" spans="1:13" s="188" customFormat="1" ht="15" customHeight="1" x14ac:dyDescent="0.25">
      <c r="A24" s="185"/>
      <c r="B24" s="187"/>
      <c r="C24" s="187"/>
      <c r="D24" s="187"/>
      <c r="E24" s="187"/>
      <c r="F24" s="187"/>
    </row>
    <row r="25" spans="1:13" s="188" customFormat="1" ht="15" customHeight="1" x14ac:dyDescent="0.25">
      <c r="A25" s="189"/>
      <c r="B25" s="189"/>
      <c r="C25" s="189"/>
      <c r="D25" s="189"/>
      <c r="E25" s="189"/>
      <c r="F25" s="189"/>
    </row>
    <row r="26" spans="1:13" s="188" customFormat="1" ht="15" x14ac:dyDescent="0.25">
      <c r="A26" s="188" t="s">
        <v>8</v>
      </c>
      <c r="B26" s="406" t="str">
        <f>IF('[1]Príloha č.1'!B23:B23="","",'[1]Príloha č.1'!B23:B23)</f>
        <v/>
      </c>
      <c r="C26" s="406"/>
    </row>
    <row r="27" spans="1:13" s="188" customFormat="1" ht="15" customHeight="1" x14ac:dyDescent="0.25">
      <c r="A27" s="188" t="s">
        <v>9</v>
      </c>
      <c r="B27" s="405" t="str">
        <f>IF('[1]Príloha č.1'!B24:B24="","",'[1]Príloha č.1'!B24:B24)</f>
        <v/>
      </c>
      <c r="C27" s="406"/>
    </row>
    <row r="28" spans="1:13" ht="15" customHeight="1" x14ac:dyDescent="0.25">
      <c r="A28" s="188"/>
      <c r="B28" s="188"/>
      <c r="C28" s="188"/>
      <c r="D28" s="188"/>
      <c r="E28" s="188"/>
      <c r="F28" s="188"/>
    </row>
    <row r="29" spans="1:13" s="193" customFormat="1" ht="15" x14ac:dyDescent="0.25">
      <c r="A29" s="188"/>
      <c r="B29" s="188"/>
      <c r="C29" s="190"/>
      <c r="D29" s="191" t="s">
        <v>84</v>
      </c>
      <c r="E29" s="192"/>
      <c r="F29" s="190"/>
    </row>
    <row r="30" spans="1:13" s="196" customFormat="1" ht="21.75" customHeight="1" x14ac:dyDescent="0.2">
      <c r="A30" s="159"/>
      <c r="B30" s="159"/>
      <c r="C30" s="194"/>
      <c r="D30" s="191" t="s">
        <v>85</v>
      </c>
      <c r="E30" s="407" t="str">
        <f>IF('[1]Príloha č.1'!D27="","",'[1]Príloha č.1'!D27)</f>
        <v/>
      </c>
      <c r="F30" s="407"/>
      <c r="G30" s="195"/>
    </row>
    <row r="31" spans="1:13" x14ac:dyDescent="0.2">
      <c r="A31" s="408" t="s">
        <v>10</v>
      </c>
      <c r="B31" s="408"/>
      <c r="C31" s="193"/>
      <c r="D31" s="193"/>
      <c r="E31" s="193"/>
      <c r="F31" s="193"/>
    </row>
    <row r="32" spans="1:13" x14ac:dyDescent="0.2">
      <c r="A32" s="197"/>
      <c r="B32" s="409" t="s">
        <v>11</v>
      </c>
      <c r="C32" s="410"/>
      <c r="D32" s="410"/>
      <c r="E32" s="410"/>
      <c r="F32" s="410"/>
    </row>
  </sheetData>
  <mergeCells count="16">
    <mergeCell ref="B9:D9"/>
    <mergeCell ref="A1:B1"/>
    <mergeCell ref="A2:L2"/>
    <mergeCell ref="A3:F3"/>
    <mergeCell ref="A4:F4"/>
    <mergeCell ref="A8:F8"/>
    <mergeCell ref="B27:C27"/>
    <mergeCell ref="E30:F30"/>
    <mergeCell ref="A31:B31"/>
    <mergeCell ref="B32:F32"/>
    <mergeCell ref="A17:F17"/>
    <mergeCell ref="A18:F18"/>
    <mergeCell ref="B19:F19"/>
    <mergeCell ref="A20:F20"/>
    <mergeCell ref="B21:F21"/>
    <mergeCell ref="B26:C26"/>
  </mergeCells>
  <conditionalFormatting sqref="B26:C27">
    <cfRule type="containsBlanks" dxfId="3" priority="2">
      <formula>LEN(TRIM(B26))=0</formula>
    </cfRule>
  </conditionalFormatting>
  <conditionalFormatting sqref="E30:F30">
    <cfRule type="containsBlanks" dxfId="2" priority="1">
      <formula>LEN(TRIM(E30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7</xdr:row>
                    <xdr:rowOff>142875</xdr:rowOff>
                  </from>
                  <to>
                    <xdr:col>0</xdr:col>
                    <xdr:colOff>285750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9</xdr:row>
                    <xdr:rowOff>171450</xdr:rowOff>
                  </from>
                  <to>
                    <xdr:col>0</xdr:col>
                    <xdr:colOff>285750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1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C00000"/>
    <pageSetUpPr fitToPage="1"/>
  </sheetPr>
  <dimension ref="A1:M30"/>
  <sheetViews>
    <sheetView showGridLines="0" tabSelected="1" zoomScaleNormal="100" workbookViewId="0">
      <selection activeCell="A3" sqref="A3:F3"/>
    </sheetView>
  </sheetViews>
  <sheetFormatPr defaultColWidth="9.140625" defaultRowHeight="12" x14ac:dyDescent="0.2"/>
  <cols>
    <col min="1" max="1" width="5.28515625" style="220" customWidth="1"/>
    <col min="2" max="2" width="26.7109375" style="220" customWidth="1"/>
    <col min="3" max="3" width="23.85546875" style="220" customWidth="1"/>
    <col min="4" max="4" width="18.5703125" style="220" customWidth="1"/>
    <col min="5" max="5" width="14.85546875" style="220" customWidth="1"/>
    <col min="6" max="6" width="20.140625" style="220" customWidth="1"/>
    <col min="7" max="16384" width="9.140625" style="220"/>
  </cols>
  <sheetData>
    <row r="1" spans="1:13" ht="12.75" x14ac:dyDescent="0.25">
      <c r="A1" s="442" t="s">
        <v>12</v>
      </c>
      <c r="B1" s="443"/>
      <c r="C1" s="232"/>
      <c r="D1" s="232"/>
      <c r="E1" s="232"/>
      <c r="F1" s="232"/>
    </row>
    <row r="2" spans="1:13" ht="30" customHeight="1" x14ac:dyDescent="0.2">
      <c r="A2" s="444" t="s">
        <v>124</v>
      </c>
      <c r="B2" s="444"/>
      <c r="C2" s="444"/>
      <c r="D2" s="444"/>
      <c r="E2" s="444"/>
      <c r="F2" s="444"/>
      <c r="G2" s="444"/>
      <c r="H2" s="444"/>
      <c r="I2" s="444"/>
      <c r="J2" s="444"/>
      <c r="K2" s="444"/>
      <c r="L2" s="444"/>
    </row>
    <row r="3" spans="1:13" s="224" customFormat="1" ht="39.950000000000003" customHeight="1" x14ac:dyDescent="0.25">
      <c r="A3" s="445" t="s">
        <v>95</v>
      </c>
      <c r="B3" s="445"/>
      <c r="C3" s="445"/>
      <c r="D3" s="445"/>
      <c r="E3" s="445"/>
      <c r="F3" s="445"/>
      <c r="G3" s="231"/>
      <c r="H3" s="231"/>
      <c r="I3" s="231"/>
      <c r="J3" s="231"/>
      <c r="K3" s="231"/>
      <c r="L3" s="231"/>
      <c r="M3" s="231"/>
    </row>
    <row r="4" spans="1:13" x14ac:dyDescent="0.2">
      <c r="A4" s="230"/>
      <c r="B4" s="230"/>
      <c r="C4" s="230"/>
      <c r="D4" s="230"/>
      <c r="E4" s="230"/>
      <c r="F4" s="230"/>
    </row>
    <row r="5" spans="1:13" ht="24.95" customHeight="1" x14ac:dyDescent="0.2">
      <c r="A5" s="446" t="s">
        <v>94</v>
      </c>
      <c r="B5" s="446"/>
      <c r="C5" s="446"/>
      <c r="D5" s="446"/>
      <c r="E5" s="446"/>
      <c r="F5" s="446"/>
    </row>
    <row r="6" spans="1:13" s="159" customFormat="1" ht="30.75" customHeight="1" x14ac:dyDescent="0.2">
      <c r="A6" s="219" t="s">
        <v>90</v>
      </c>
      <c r="B6" s="421" t="s">
        <v>93</v>
      </c>
      <c r="C6" s="421"/>
      <c r="D6" s="421"/>
      <c r="E6" s="421"/>
      <c r="F6" s="421"/>
    </row>
    <row r="7" spans="1:13" s="222" customFormat="1" ht="12.75" customHeight="1" x14ac:dyDescent="0.25">
      <c r="A7" s="223"/>
      <c r="B7" s="223"/>
      <c r="C7" s="223"/>
      <c r="D7" s="223"/>
      <c r="E7" s="223"/>
      <c r="F7" s="223"/>
    </row>
    <row r="8" spans="1:13" s="159" customFormat="1" ht="17.25" customHeight="1" x14ac:dyDescent="0.2">
      <c r="A8" s="219" t="s">
        <v>88</v>
      </c>
      <c r="B8" s="421" t="s">
        <v>92</v>
      </c>
      <c r="C8" s="421"/>
      <c r="D8" s="421"/>
      <c r="E8" s="421"/>
      <c r="F8" s="421"/>
    </row>
    <row r="9" spans="1:13" ht="24.95" customHeight="1" thickBot="1" x14ac:dyDescent="0.25">
      <c r="A9" s="229"/>
      <c r="B9" s="229"/>
      <c r="C9" s="229"/>
      <c r="D9" s="229"/>
      <c r="E9" s="229"/>
      <c r="F9" s="229"/>
    </row>
    <row r="10" spans="1:13" ht="24.95" customHeight="1" x14ac:dyDescent="0.2">
      <c r="A10" s="228" t="s">
        <v>37</v>
      </c>
      <c r="B10" s="422" t="s">
        <v>91</v>
      </c>
      <c r="C10" s="423"/>
      <c r="D10" s="423"/>
      <c r="E10" s="423"/>
      <c r="F10" s="424"/>
    </row>
    <row r="11" spans="1:13" ht="15" customHeight="1" x14ac:dyDescent="0.2">
      <c r="A11" s="227" t="s">
        <v>27</v>
      </c>
      <c r="B11" s="425" t="s">
        <v>28</v>
      </c>
      <c r="C11" s="426"/>
      <c r="D11" s="426"/>
      <c r="E11" s="426"/>
      <c r="F11" s="427"/>
    </row>
    <row r="12" spans="1:13" ht="24.95" customHeight="1" x14ac:dyDescent="0.2">
      <c r="A12" s="226"/>
      <c r="B12" s="428"/>
      <c r="C12" s="429"/>
      <c r="D12" s="429"/>
      <c r="E12" s="429"/>
      <c r="F12" s="430"/>
    </row>
    <row r="13" spans="1:13" ht="24.95" customHeight="1" x14ac:dyDescent="0.2">
      <c r="A13" s="226"/>
      <c r="B13" s="431"/>
      <c r="C13" s="432"/>
      <c r="D13" s="432"/>
      <c r="E13" s="432"/>
      <c r="F13" s="433"/>
    </row>
    <row r="14" spans="1:13" s="224" customFormat="1" ht="24.95" customHeight="1" x14ac:dyDescent="0.25">
      <c r="A14" s="226"/>
      <c r="B14" s="431"/>
      <c r="C14" s="432"/>
      <c r="D14" s="432"/>
      <c r="E14" s="432"/>
      <c r="F14" s="433"/>
    </row>
    <row r="15" spans="1:13" s="224" customFormat="1" ht="24.95" customHeight="1" thickBot="1" x14ac:dyDescent="0.3">
      <c r="A15" s="225"/>
      <c r="B15" s="436"/>
      <c r="C15" s="437"/>
      <c r="D15" s="437"/>
      <c r="E15" s="437"/>
      <c r="F15" s="438"/>
    </row>
    <row r="16" spans="1:13" s="224" customFormat="1" ht="15" customHeight="1" x14ac:dyDescent="0.25">
      <c r="A16" s="440"/>
      <c r="B16" s="440"/>
      <c r="C16" s="440"/>
      <c r="D16" s="440"/>
      <c r="E16" s="440"/>
      <c r="F16" s="440"/>
    </row>
    <row r="17" spans="1:12" s="159" customFormat="1" ht="30.75" customHeight="1" x14ac:dyDescent="0.2">
      <c r="A17" s="219" t="s">
        <v>90</v>
      </c>
      <c r="B17" s="441" t="s">
        <v>89</v>
      </c>
      <c r="C17" s="441"/>
      <c r="D17" s="441"/>
      <c r="E17" s="441"/>
      <c r="F17" s="441"/>
    </row>
    <row r="18" spans="1:12" s="222" customFormat="1" ht="12.75" customHeight="1" x14ac:dyDescent="0.25">
      <c r="A18" s="223"/>
      <c r="B18" s="223"/>
      <c r="C18" s="223"/>
      <c r="D18" s="223"/>
      <c r="E18" s="223"/>
      <c r="F18" s="223"/>
    </row>
    <row r="19" spans="1:12" s="159" customFormat="1" ht="17.25" customHeight="1" x14ac:dyDescent="0.2">
      <c r="A19" s="219" t="s">
        <v>88</v>
      </c>
      <c r="B19" s="441" t="s">
        <v>87</v>
      </c>
      <c r="C19" s="441"/>
      <c r="D19" s="441"/>
      <c r="E19" s="441"/>
      <c r="F19" s="441"/>
    </row>
    <row r="20" spans="1:12" s="188" customFormat="1" ht="15" customHeight="1" x14ac:dyDescent="0.25"/>
    <row r="21" spans="1:12" s="188" customFormat="1" ht="15" x14ac:dyDescent="0.25">
      <c r="A21" s="188" t="s">
        <v>8</v>
      </c>
      <c r="B21" s="406" t="str">
        <f>IF('[2]Príloha č. 1'!B23:B23="","",'[2]Príloha č. 1'!B23:B23)</f>
        <v/>
      </c>
      <c r="C21" s="406"/>
    </row>
    <row r="22" spans="1:12" s="188" customFormat="1" ht="15" customHeight="1" x14ac:dyDescent="0.25">
      <c r="A22" s="188" t="s">
        <v>9</v>
      </c>
      <c r="B22" s="405" t="str">
        <f>IF('[2]Príloha č. 1'!B24:B24="","",'[2]Príloha č. 1'!B24:B24)</f>
        <v/>
      </c>
      <c r="C22" s="406"/>
    </row>
    <row r="23" spans="1:12" ht="15" customHeight="1" x14ac:dyDescent="0.25">
      <c r="A23" s="188"/>
      <c r="B23" s="188"/>
      <c r="C23" s="188"/>
      <c r="D23" s="188"/>
      <c r="E23" s="188"/>
      <c r="F23" s="188"/>
    </row>
    <row r="24" spans="1:12" ht="15" customHeight="1" x14ac:dyDescent="0.25">
      <c r="A24" s="188"/>
      <c r="B24" s="188"/>
      <c r="C24" s="188"/>
      <c r="D24" s="188"/>
      <c r="E24" s="188"/>
      <c r="F24" s="188"/>
    </row>
    <row r="25" spans="1:12" ht="15" customHeight="1" x14ac:dyDescent="0.25">
      <c r="A25" s="188"/>
      <c r="B25" s="188"/>
      <c r="C25" s="188"/>
      <c r="D25" s="188"/>
      <c r="E25" s="188"/>
      <c r="F25" s="188"/>
    </row>
    <row r="26" spans="1:12" ht="20.25" customHeight="1" x14ac:dyDescent="0.25">
      <c r="A26" s="188"/>
      <c r="B26" s="188"/>
      <c r="C26" s="233" t="s">
        <v>73</v>
      </c>
      <c r="D26" s="434" t="str">
        <f>IF('[2]Príloha č. 1'!D27="","",'[2]Príloha č. 1'!D27)</f>
        <v/>
      </c>
      <c r="E26" s="434"/>
      <c r="F26" s="434"/>
    </row>
    <row r="27" spans="1:12" s="36" customFormat="1" ht="45" customHeight="1" x14ac:dyDescent="0.2">
      <c r="A27" s="234"/>
      <c r="B27" s="234"/>
      <c r="C27" s="234"/>
      <c r="D27" s="435" t="s">
        <v>96</v>
      </c>
      <c r="E27" s="435"/>
      <c r="F27" s="435"/>
      <c r="G27" s="221"/>
      <c r="H27" s="221"/>
      <c r="I27" s="221"/>
      <c r="K27" s="384"/>
      <c r="L27" s="384"/>
    </row>
    <row r="28" spans="1:12" x14ac:dyDescent="0.2">
      <c r="A28" s="439" t="s">
        <v>10</v>
      </c>
      <c r="B28" s="439"/>
      <c r="C28" s="235"/>
      <c r="D28" s="235"/>
      <c r="E28" s="235"/>
      <c r="F28" s="235"/>
    </row>
    <row r="29" spans="1:12" x14ac:dyDescent="0.2">
      <c r="A29" s="236"/>
      <c r="B29" s="419" t="s">
        <v>11</v>
      </c>
      <c r="C29" s="420"/>
      <c r="D29" s="420"/>
      <c r="E29" s="420"/>
      <c r="F29" s="420"/>
    </row>
    <row r="30" spans="1:12" x14ac:dyDescent="0.2">
      <c r="A30" s="230"/>
      <c r="B30" s="230"/>
      <c r="C30" s="230"/>
      <c r="D30" s="230"/>
      <c r="E30" s="230"/>
      <c r="F30" s="230"/>
    </row>
  </sheetData>
  <mergeCells count="22">
    <mergeCell ref="K27:L27"/>
    <mergeCell ref="A1:B1"/>
    <mergeCell ref="A2:L2"/>
    <mergeCell ref="A3:F3"/>
    <mergeCell ref="A5:F5"/>
    <mergeCell ref="B6:F6"/>
    <mergeCell ref="B29:F29"/>
    <mergeCell ref="B8:F8"/>
    <mergeCell ref="B10:F10"/>
    <mergeCell ref="B11:F11"/>
    <mergeCell ref="B12:F12"/>
    <mergeCell ref="B13:F13"/>
    <mergeCell ref="B14:F14"/>
    <mergeCell ref="D26:F26"/>
    <mergeCell ref="D27:F27"/>
    <mergeCell ref="B15:F15"/>
    <mergeCell ref="A28:B28"/>
    <mergeCell ref="A16:F16"/>
    <mergeCell ref="B17:F17"/>
    <mergeCell ref="B19:F19"/>
    <mergeCell ref="B21:C21"/>
    <mergeCell ref="B22:C22"/>
  </mergeCells>
  <conditionalFormatting sqref="B21:C22">
    <cfRule type="containsBlanks" dxfId="1" priority="2">
      <formula>LEN(TRIM(B21))=0</formula>
    </cfRule>
  </conditionalFormatting>
  <conditionalFormatting sqref="D26:F26">
    <cfRule type="containsBlanks" dxfId="0" priority="1">
      <formula>LEN(TRIM(D26))=0</formula>
    </cfRule>
  </conditionalFormatting>
  <pageMargins left="0.78740157480314965" right="0.39370078740157483" top="0.78749999999999998" bottom="0.19685039370078741" header="0.31496062992125984" footer="0.31496062992125984"/>
  <pageSetup paperSize="9" scale="70" orientation="portrait" copies="5" r:id="rId1"/>
  <headerFooter>
    <oddHeader>&amp;L&amp;"Arial,Tučné"&amp;9Príloha č. 9 SP&amp;10
&amp;"Arial,Normálne"Čestné vyhlásenie uchádzača podľa § 32 ods. 7 a ods. 8 ZVO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3553" r:id="rId4" name="Check Box 1">
              <controlPr defaultSize="0" autoFill="0" autoLine="0" autoPict="0">
                <anchor moveWithCells="1">
                  <from>
                    <xdr:col>0</xdr:col>
                    <xdr:colOff>171450</xdr:colOff>
                    <xdr:row>4</xdr:row>
                    <xdr:rowOff>142875</xdr:rowOff>
                  </from>
                  <to>
                    <xdr:col>1</xdr:col>
                    <xdr:colOff>57150</xdr:colOff>
                    <xdr:row>7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4" r:id="rId5" name="Check Box 2">
              <controlPr defaultSize="0" autoFill="0" autoLine="0" autoPict="0">
                <anchor moveWithCells="1">
                  <from>
                    <xdr:col>0</xdr:col>
                    <xdr:colOff>161925</xdr:colOff>
                    <xdr:row>5</xdr:row>
                    <xdr:rowOff>323850</xdr:rowOff>
                  </from>
                  <to>
                    <xdr:col>1</xdr:col>
                    <xdr:colOff>47625</xdr:colOff>
                    <xdr:row>8</xdr:row>
                    <xdr:rowOff>2476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5" r:id="rId6" name="Check Box 3">
              <controlPr defaultSize="0" autoFill="0" autoLine="0" autoPict="0">
                <anchor moveWithCells="1">
                  <from>
                    <xdr:col>0</xdr:col>
                    <xdr:colOff>161925</xdr:colOff>
                    <xdr:row>15</xdr:row>
                    <xdr:rowOff>0</xdr:rowOff>
                  </from>
                  <to>
                    <xdr:col>1</xdr:col>
                    <xdr:colOff>47625</xdr:colOff>
                    <xdr:row>1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6" r:id="rId7" name="Check Box 4">
              <controlPr defaultSize="0" autoFill="0" autoLine="0" autoPict="0">
                <anchor moveWithCells="1">
                  <from>
                    <xdr:col>0</xdr:col>
                    <xdr:colOff>161925</xdr:colOff>
                    <xdr:row>16</xdr:row>
                    <xdr:rowOff>381000</xdr:rowOff>
                  </from>
                  <to>
                    <xdr:col>1</xdr:col>
                    <xdr:colOff>47625</xdr:colOff>
                    <xdr:row>19</xdr:row>
                    <xdr:rowOff>18097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C32" sqref="C32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319" t="s">
        <v>12</v>
      </c>
      <c r="B1" s="319"/>
    </row>
    <row r="2" spans="1:10" s="2" customFormat="1" ht="30" customHeight="1" x14ac:dyDescent="0.25">
      <c r="A2" s="311" t="str">
        <f>'Príloha č. 1'!A2:D2</f>
        <v>Lieky skupiny ATC B05BA10, C07AB14</v>
      </c>
      <c r="B2" s="311"/>
      <c r="C2" s="311"/>
      <c r="D2" s="311"/>
    </row>
    <row r="3" spans="1:10" ht="24.95" customHeight="1" x14ac:dyDescent="0.2">
      <c r="A3" s="320"/>
      <c r="B3" s="320"/>
      <c r="C3" s="320"/>
    </row>
    <row r="4" spans="1:10" ht="18.75" customHeight="1" x14ac:dyDescent="0.2">
      <c r="A4" s="321" t="s">
        <v>18</v>
      </c>
      <c r="B4" s="321"/>
      <c r="C4" s="321"/>
      <c r="D4" s="321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318" t="s">
        <v>1</v>
      </c>
      <c r="B6" s="318"/>
      <c r="C6" s="96" t="str">
        <f>IF('Príloha č. 1'!$C$6="","",'Príloha č. 1'!$C$6)</f>
        <v/>
      </c>
      <c r="D6" s="96"/>
      <c r="E6" s="18"/>
    </row>
    <row r="7" spans="1:10" s="2" customFormat="1" ht="15" customHeight="1" x14ac:dyDescent="0.25">
      <c r="A7" s="318" t="s">
        <v>2</v>
      </c>
      <c r="B7" s="318"/>
      <c r="C7" s="96" t="str">
        <f>IF('Príloha č. 1'!$C$6="","",'Príloha č. 1'!$C$6)</f>
        <v/>
      </c>
      <c r="D7" s="96"/>
    </row>
    <row r="8" spans="1:10" ht="15" customHeight="1" x14ac:dyDescent="0.2">
      <c r="A8" s="319" t="s">
        <v>3</v>
      </c>
      <c r="B8" s="319"/>
      <c r="C8" s="21" t="str">
        <f>IF('Príloha č. 1'!C8:D8="","",'Príloha č. 1'!C8:D8)</f>
        <v/>
      </c>
      <c r="D8" s="17"/>
    </row>
    <row r="9" spans="1:10" ht="15" customHeight="1" x14ac:dyDescent="0.2">
      <c r="A9" s="319" t="s">
        <v>4</v>
      </c>
      <c r="B9" s="319"/>
      <c r="C9" s="21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304" t="s">
        <v>19</v>
      </c>
      <c r="B11" s="304"/>
      <c r="C11" s="304"/>
      <c r="D11" s="304"/>
    </row>
    <row r="12" spans="1:10" ht="24.95" customHeight="1" x14ac:dyDescent="0.2">
      <c r="A12" s="2" t="s">
        <v>0</v>
      </c>
      <c r="B12" s="318" t="s">
        <v>26</v>
      </c>
      <c r="C12" s="318"/>
      <c r="D12" s="318"/>
    </row>
    <row r="13" spans="1:10" ht="3" customHeight="1" x14ac:dyDescent="0.2">
      <c r="A13" s="2"/>
      <c r="B13" s="99"/>
      <c r="C13" s="99"/>
      <c r="D13" s="99"/>
    </row>
    <row r="14" spans="1:10" ht="24.95" customHeight="1" x14ac:dyDescent="0.2">
      <c r="A14" s="2" t="s">
        <v>0</v>
      </c>
      <c r="B14" s="318" t="s">
        <v>20</v>
      </c>
      <c r="C14" s="318"/>
      <c r="D14" s="318"/>
    </row>
    <row r="15" spans="1:10" ht="3" customHeight="1" x14ac:dyDescent="0.2">
      <c r="A15" s="2"/>
      <c r="B15" s="99"/>
      <c r="C15" s="99"/>
      <c r="D15" s="99"/>
    </row>
    <row r="16" spans="1:10" ht="24.95" customHeight="1" x14ac:dyDescent="0.2">
      <c r="A16" s="2" t="s">
        <v>0</v>
      </c>
      <c r="B16" s="318" t="s">
        <v>21</v>
      </c>
      <c r="C16" s="318"/>
      <c r="D16" s="318"/>
    </row>
    <row r="17" spans="1:5" ht="3" customHeight="1" x14ac:dyDescent="0.2">
      <c r="A17" s="2"/>
      <c r="B17" s="99"/>
      <c r="C17" s="99"/>
      <c r="D17" s="99"/>
    </row>
    <row r="18" spans="1:5" ht="36" customHeight="1" x14ac:dyDescent="0.2">
      <c r="A18" s="2" t="s">
        <v>0</v>
      </c>
      <c r="B18" s="318" t="s">
        <v>22</v>
      </c>
      <c r="C18" s="318"/>
      <c r="D18" s="318"/>
    </row>
    <row r="19" spans="1:5" ht="3" customHeight="1" x14ac:dyDescent="0.2">
      <c r="A19" s="2"/>
      <c r="B19" s="99"/>
      <c r="C19" s="99"/>
      <c r="D19" s="99"/>
    </row>
    <row r="20" spans="1:5" ht="19.5" customHeight="1" x14ac:dyDescent="0.2">
      <c r="A20" s="2" t="s">
        <v>0</v>
      </c>
      <c r="B20" s="318" t="s">
        <v>23</v>
      </c>
      <c r="C20" s="318"/>
      <c r="D20" s="318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86</v>
      </c>
    </row>
    <row r="27" spans="1:5" s="7" customFormat="1" x14ac:dyDescent="0.2">
      <c r="A27" s="314" t="s">
        <v>10</v>
      </c>
      <c r="B27" s="314"/>
      <c r="C27" s="30"/>
    </row>
    <row r="28" spans="1:5" s="10" customFormat="1" ht="12" customHeight="1" x14ac:dyDescent="0.2">
      <c r="A28" s="97"/>
      <c r="B28" s="322" t="s">
        <v>11</v>
      </c>
      <c r="C28" s="322"/>
      <c r="D28" s="8"/>
      <c r="E28" s="9"/>
    </row>
    <row r="29" spans="1:5" x14ac:dyDescent="0.2">
      <c r="A29" s="98"/>
      <c r="B29" s="98"/>
      <c r="C29" s="98"/>
    </row>
  </sheetData>
  <mergeCells count="16"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  <mergeCell ref="A7:B7"/>
    <mergeCell ref="A6:B6"/>
    <mergeCell ref="A1:B1"/>
    <mergeCell ref="A2:D2"/>
    <mergeCell ref="A3:C3"/>
    <mergeCell ref="A4:D4"/>
  </mergeCells>
  <conditionalFormatting sqref="A28">
    <cfRule type="containsBlanks" dxfId="33" priority="8">
      <formula>LEN(TRIM(A28))=0</formula>
    </cfRule>
  </conditionalFormatting>
  <conditionalFormatting sqref="B23">
    <cfRule type="containsBlanks" dxfId="32" priority="5">
      <formula>LEN(TRIM(B23))=0</formula>
    </cfRule>
  </conditionalFormatting>
  <conditionalFormatting sqref="C6:C7">
    <cfRule type="containsBlanks" dxfId="31" priority="4">
      <formula>LEN(TRIM(C6))=0</formula>
    </cfRule>
    <cfRule type="containsBlanks" dxfId="30" priority="7">
      <formula>LEN(TRIM(C6))=0</formula>
    </cfRule>
  </conditionalFormatting>
  <conditionalFormatting sqref="B22">
    <cfRule type="containsBlanks" dxfId="29" priority="6">
      <formula>LEN(TRIM(B22))=0</formula>
    </cfRule>
  </conditionalFormatting>
  <conditionalFormatting sqref="C8:C9">
    <cfRule type="containsBlanks" dxfId="28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31"/>
  <sheetViews>
    <sheetView showGridLines="0" zoomScaleNormal="100" workbookViewId="0">
      <selection activeCell="G25" sqref="G25"/>
    </sheetView>
  </sheetViews>
  <sheetFormatPr defaultRowHeight="14.25" x14ac:dyDescent="0.2"/>
  <cols>
    <col min="1" max="1" width="5.28515625" style="23" customWidth="1"/>
    <col min="2" max="2" width="19.7109375" style="23" customWidth="1"/>
    <col min="3" max="3" width="28.7109375" style="23" customWidth="1"/>
    <col min="4" max="4" width="30" style="23" customWidth="1"/>
    <col min="5" max="5" width="10.42578125" style="23" bestFit="1" customWidth="1"/>
    <col min="6" max="16384" width="9.140625" style="23"/>
  </cols>
  <sheetData>
    <row r="1" spans="1:10" s="22" customFormat="1" ht="15" customHeight="1" x14ac:dyDescent="0.2">
      <c r="A1" s="319" t="s">
        <v>12</v>
      </c>
      <c r="B1" s="319"/>
      <c r="C1" s="1"/>
      <c r="D1" s="1"/>
    </row>
    <row r="2" spans="1:10" s="22" customFormat="1" ht="39" customHeight="1" x14ac:dyDescent="0.2">
      <c r="A2" s="311" t="str">
        <f>'Príloha č. 1'!A2:D2</f>
        <v>Lieky skupiny ATC B05BA10, C07AB14</v>
      </c>
      <c r="B2" s="311"/>
      <c r="C2" s="311"/>
      <c r="D2" s="311"/>
    </row>
    <row r="3" spans="1:10" ht="15" customHeight="1" x14ac:dyDescent="0.2">
      <c r="A3" s="320"/>
      <c r="B3" s="320"/>
      <c r="C3" s="320"/>
      <c r="D3" s="1"/>
    </row>
    <row r="4" spans="1:10" s="25" customFormat="1" ht="35.1" customHeight="1" x14ac:dyDescent="0.25">
      <c r="A4" s="326" t="s">
        <v>24</v>
      </c>
      <c r="B4" s="326"/>
      <c r="C4" s="326"/>
      <c r="D4" s="326"/>
      <c r="E4" s="24"/>
      <c r="F4" s="24"/>
      <c r="G4" s="24"/>
      <c r="H4" s="24"/>
      <c r="I4" s="24"/>
      <c r="J4" s="24"/>
    </row>
    <row r="5" spans="1:10" s="22" customFormat="1" ht="15" customHeight="1" x14ac:dyDescent="0.2">
      <c r="A5" s="1"/>
      <c r="B5" s="1"/>
      <c r="C5" s="1"/>
      <c r="D5" s="1"/>
    </row>
    <row r="6" spans="1:10" s="22" customFormat="1" ht="15" customHeight="1" x14ac:dyDescent="0.2">
      <c r="A6" s="319" t="s">
        <v>1</v>
      </c>
      <c r="B6" s="319"/>
      <c r="C6" s="327" t="str">
        <f>IF('Príloha č. 1'!$C$6="","",'Príloha č. 1'!$C$6)</f>
        <v/>
      </c>
      <c r="D6" s="327"/>
      <c r="E6" s="26"/>
    </row>
    <row r="7" spans="1:10" s="22" customFormat="1" ht="15" customHeight="1" x14ac:dyDescent="0.2">
      <c r="A7" s="319" t="s">
        <v>2</v>
      </c>
      <c r="B7" s="319"/>
      <c r="C7" s="329" t="str">
        <f>IF('Príloha č. 1'!$C$7="","",'Príloha č. 1'!$C$7)</f>
        <v/>
      </c>
      <c r="D7" s="329"/>
    </row>
    <row r="8" spans="1:10" s="22" customFormat="1" ht="15" customHeight="1" x14ac:dyDescent="0.2">
      <c r="A8" s="319" t="s">
        <v>3</v>
      </c>
      <c r="B8" s="319"/>
      <c r="C8" s="329" t="str">
        <f>IF('Príloha č. 1'!C8:D8="","",'Príloha č. 1'!C8:D8)</f>
        <v/>
      </c>
      <c r="D8" s="329"/>
    </row>
    <row r="9" spans="1:10" s="22" customFormat="1" ht="15" customHeight="1" x14ac:dyDescent="0.2">
      <c r="A9" s="319" t="s">
        <v>4</v>
      </c>
      <c r="B9" s="319"/>
      <c r="C9" s="329" t="str">
        <f>IF('Príloha č. 1'!C9:D9="","",'Príloha č. 1'!C9:D9)</f>
        <v/>
      </c>
      <c r="D9" s="329"/>
    </row>
    <row r="10" spans="1:10" s="22" customFormat="1" ht="15" customHeight="1" x14ac:dyDescent="0.2">
      <c r="A10" s="1"/>
      <c r="B10" s="1"/>
      <c r="C10" s="113"/>
      <c r="D10" s="1"/>
    </row>
    <row r="11" spans="1:10" s="27" customFormat="1" ht="36.75" customHeight="1" x14ac:dyDescent="0.25">
      <c r="A11" s="304" t="s">
        <v>60</v>
      </c>
      <c r="B11" s="304"/>
      <c r="C11" s="304"/>
      <c r="D11" s="304"/>
    </row>
    <row r="12" spans="1:10" x14ac:dyDescent="0.2">
      <c r="A12" s="1"/>
      <c r="B12" s="1"/>
      <c r="C12" s="1"/>
      <c r="D12" s="1"/>
    </row>
    <row r="13" spans="1:10" s="93" customFormat="1" ht="38.25" customHeight="1" x14ac:dyDescent="0.2">
      <c r="A13" s="319" t="s">
        <v>61</v>
      </c>
      <c r="B13" s="319"/>
      <c r="C13" s="319"/>
      <c r="D13" s="319"/>
    </row>
    <row r="14" spans="1:10" s="94" customFormat="1" ht="15" customHeight="1" x14ac:dyDescent="0.2">
      <c r="A14" s="330" t="s">
        <v>54</v>
      </c>
      <c r="B14" s="331"/>
      <c r="C14" s="331" t="s">
        <v>55</v>
      </c>
      <c r="D14" s="332"/>
    </row>
    <row r="15" spans="1:10" s="94" customFormat="1" ht="15" customHeight="1" x14ac:dyDescent="0.2">
      <c r="A15" s="333"/>
      <c r="B15" s="334"/>
      <c r="C15" s="334"/>
      <c r="D15" s="335"/>
    </row>
    <row r="16" spans="1:10" s="94" customFormat="1" ht="15" customHeight="1" x14ac:dyDescent="0.2">
      <c r="A16" s="323"/>
      <c r="B16" s="324"/>
      <c r="C16" s="324"/>
      <c r="D16" s="325"/>
    </row>
    <row r="17" spans="1:5" s="94" customFormat="1" ht="15" customHeight="1" x14ac:dyDescent="0.2">
      <c r="A17" s="323"/>
      <c r="B17" s="324"/>
      <c r="C17" s="324"/>
      <c r="D17" s="325"/>
    </row>
    <row r="18" spans="1:5" s="94" customFormat="1" ht="15" customHeight="1" x14ac:dyDescent="0.2">
      <c r="A18" s="323"/>
      <c r="B18" s="324"/>
      <c r="C18" s="324"/>
      <c r="D18" s="325"/>
    </row>
    <row r="19" spans="1:5" s="94" customFormat="1" ht="15" customHeight="1" x14ac:dyDescent="0.2">
      <c r="A19" s="323"/>
      <c r="B19" s="324"/>
      <c r="C19" s="324"/>
      <c r="D19" s="325"/>
    </row>
    <row r="20" spans="1:5" s="94" customFormat="1" ht="15" customHeight="1" x14ac:dyDescent="0.2">
      <c r="A20" s="114"/>
      <c r="B20" s="114"/>
      <c r="C20" s="114"/>
      <c r="D20" s="114"/>
    </row>
    <row r="21" spans="1:5" s="94" customFormat="1" ht="15" customHeight="1" x14ac:dyDescent="0.2">
      <c r="A21" s="114"/>
      <c r="B21" s="114"/>
      <c r="C21" s="114"/>
      <c r="D21" s="114"/>
    </row>
    <row r="22" spans="1:5" s="94" customFormat="1" ht="15" customHeight="1" x14ac:dyDescent="0.2">
      <c r="A22" s="114"/>
      <c r="B22" s="114"/>
      <c r="C22" s="114"/>
      <c r="D22" s="114"/>
    </row>
    <row r="23" spans="1:5" s="22" customFormat="1" ht="15" customHeight="1" x14ac:dyDescent="0.2">
      <c r="A23" s="1" t="s">
        <v>8</v>
      </c>
      <c r="B23" s="115" t="str">
        <f>IF('Príloha č. 1'!B23:B23="","",'Príloha č. 1'!B23:B23)</f>
        <v/>
      </c>
      <c r="C23" s="17"/>
      <c r="D23" s="1"/>
    </row>
    <row r="24" spans="1:5" s="35" customFormat="1" ht="15" customHeight="1" x14ac:dyDescent="0.25">
      <c r="A24" s="2" t="s">
        <v>9</v>
      </c>
      <c r="B24" s="116" t="str">
        <f>IF('Príloha č. 1'!B24:B24="","",'Príloha č. 1'!B24:B24)</f>
        <v/>
      </c>
      <c r="C24" s="117"/>
      <c r="D24" s="2"/>
    </row>
    <row r="25" spans="1:5" s="22" customFormat="1" ht="15" customHeight="1" x14ac:dyDescent="0.2">
      <c r="A25" s="1"/>
      <c r="B25" s="1"/>
      <c r="C25" s="1"/>
      <c r="D25" s="1"/>
    </row>
    <row r="26" spans="1:5" ht="39.950000000000003" customHeight="1" x14ac:dyDescent="0.2">
      <c r="A26" s="1"/>
      <c r="B26" s="1"/>
      <c r="C26" s="1"/>
      <c r="D26" s="15"/>
    </row>
    <row r="27" spans="1:5" ht="45" customHeight="1" x14ac:dyDescent="0.2">
      <c r="D27" s="29" t="s">
        <v>97</v>
      </c>
    </row>
    <row r="30" spans="1:5" s="30" customFormat="1" ht="11.25" x14ac:dyDescent="0.2">
      <c r="A30" s="314" t="s">
        <v>10</v>
      </c>
      <c r="B30" s="314"/>
    </row>
    <row r="31" spans="1:5" s="34" customFormat="1" ht="12" customHeight="1" x14ac:dyDescent="0.2">
      <c r="A31" s="31"/>
      <c r="B31" s="328" t="s">
        <v>11</v>
      </c>
      <c r="C31" s="328"/>
      <c r="D31" s="32"/>
      <c r="E31" s="33"/>
    </row>
  </sheetData>
  <mergeCells count="28">
    <mergeCell ref="A30:B30"/>
    <mergeCell ref="B31:C31"/>
    <mergeCell ref="A11:D11"/>
    <mergeCell ref="A7:B7"/>
    <mergeCell ref="C7:D7"/>
    <mergeCell ref="A8:B8"/>
    <mergeCell ref="C8:D8"/>
    <mergeCell ref="A9:B9"/>
    <mergeCell ref="C9:D9"/>
    <mergeCell ref="A13:D13"/>
    <mergeCell ref="A14:B14"/>
    <mergeCell ref="C14:D14"/>
    <mergeCell ref="A15:B15"/>
    <mergeCell ref="C15:D15"/>
    <mergeCell ref="A16:B16"/>
    <mergeCell ref="C16:D16"/>
    <mergeCell ref="A1:B1"/>
    <mergeCell ref="A2:D2"/>
    <mergeCell ref="A3:C3"/>
    <mergeCell ref="A4:D4"/>
    <mergeCell ref="A6:B6"/>
    <mergeCell ref="C6:D6"/>
    <mergeCell ref="A17:B17"/>
    <mergeCell ref="C17:D17"/>
    <mergeCell ref="A18:B18"/>
    <mergeCell ref="C18:D18"/>
    <mergeCell ref="A19:B19"/>
    <mergeCell ref="C19:D19"/>
  </mergeCells>
  <conditionalFormatting sqref="C6:D9">
    <cfRule type="containsBlanks" dxfId="27" priority="2">
      <formula>LEN(TRIM(C6))=0</formula>
    </cfRule>
  </conditionalFormatting>
  <conditionalFormatting sqref="B23:B24">
    <cfRule type="containsBlanks" dxfId="26" priority="1">
      <formula>LEN(TRIM(B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">
    <tabColor theme="9"/>
  </sheetPr>
  <dimension ref="A1:J22"/>
  <sheetViews>
    <sheetView zoomScaleNormal="100" workbookViewId="0">
      <selection activeCell="A3" sqref="A3:C3"/>
    </sheetView>
  </sheetViews>
  <sheetFormatPr defaultRowHeight="12" x14ac:dyDescent="0.2"/>
  <cols>
    <col min="1" max="1" width="4.7109375" style="143" bestFit="1" customWidth="1"/>
    <col min="2" max="2" width="19.7109375" style="143" customWidth="1"/>
    <col min="3" max="3" width="28.7109375" style="143" customWidth="1"/>
    <col min="4" max="4" width="33.42578125" style="143" customWidth="1"/>
    <col min="5" max="5" width="10.42578125" style="143" bestFit="1" customWidth="1"/>
    <col min="6" max="256" width="9.140625" style="143"/>
    <col min="257" max="257" width="4.7109375" style="143" bestFit="1" customWidth="1"/>
    <col min="258" max="258" width="19.7109375" style="143" customWidth="1"/>
    <col min="259" max="259" width="28.7109375" style="143" customWidth="1"/>
    <col min="260" max="260" width="33.42578125" style="143" customWidth="1"/>
    <col min="261" max="261" width="10.42578125" style="143" bestFit="1" customWidth="1"/>
    <col min="262" max="512" width="9.140625" style="143"/>
    <col min="513" max="513" width="4.7109375" style="143" bestFit="1" customWidth="1"/>
    <col min="514" max="514" width="19.7109375" style="143" customWidth="1"/>
    <col min="515" max="515" width="28.7109375" style="143" customWidth="1"/>
    <col min="516" max="516" width="33.42578125" style="143" customWidth="1"/>
    <col min="517" max="517" width="10.42578125" style="143" bestFit="1" customWidth="1"/>
    <col min="518" max="768" width="9.140625" style="143"/>
    <col min="769" max="769" width="4.7109375" style="143" bestFit="1" customWidth="1"/>
    <col min="770" max="770" width="19.7109375" style="143" customWidth="1"/>
    <col min="771" max="771" width="28.7109375" style="143" customWidth="1"/>
    <col min="772" max="772" width="33.42578125" style="143" customWidth="1"/>
    <col min="773" max="773" width="10.42578125" style="143" bestFit="1" customWidth="1"/>
    <col min="774" max="1024" width="9.140625" style="143"/>
    <col min="1025" max="1025" width="4.7109375" style="143" bestFit="1" customWidth="1"/>
    <col min="1026" max="1026" width="19.7109375" style="143" customWidth="1"/>
    <col min="1027" max="1027" width="28.7109375" style="143" customWidth="1"/>
    <col min="1028" max="1028" width="33.42578125" style="143" customWidth="1"/>
    <col min="1029" max="1029" width="10.42578125" style="143" bestFit="1" customWidth="1"/>
    <col min="1030" max="1280" width="9.140625" style="143"/>
    <col min="1281" max="1281" width="4.7109375" style="143" bestFit="1" customWidth="1"/>
    <col min="1282" max="1282" width="19.7109375" style="143" customWidth="1"/>
    <col min="1283" max="1283" width="28.7109375" style="143" customWidth="1"/>
    <col min="1284" max="1284" width="33.42578125" style="143" customWidth="1"/>
    <col min="1285" max="1285" width="10.42578125" style="143" bestFit="1" customWidth="1"/>
    <col min="1286" max="1536" width="9.140625" style="143"/>
    <col min="1537" max="1537" width="4.7109375" style="143" bestFit="1" customWidth="1"/>
    <col min="1538" max="1538" width="19.7109375" style="143" customWidth="1"/>
    <col min="1539" max="1539" width="28.7109375" style="143" customWidth="1"/>
    <col min="1540" max="1540" width="33.42578125" style="143" customWidth="1"/>
    <col min="1541" max="1541" width="10.42578125" style="143" bestFit="1" customWidth="1"/>
    <col min="1542" max="1792" width="9.140625" style="143"/>
    <col min="1793" max="1793" width="4.7109375" style="143" bestFit="1" customWidth="1"/>
    <col min="1794" max="1794" width="19.7109375" style="143" customWidth="1"/>
    <col min="1795" max="1795" width="28.7109375" style="143" customWidth="1"/>
    <col min="1796" max="1796" width="33.42578125" style="143" customWidth="1"/>
    <col min="1797" max="1797" width="10.42578125" style="143" bestFit="1" customWidth="1"/>
    <col min="1798" max="2048" width="9.140625" style="143"/>
    <col min="2049" max="2049" width="4.7109375" style="143" bestFit="1" customWidth="1"/>
    <col min="2050" max="2050" width="19.7109375" style="143" customWidth="1"/>
    <col min="2051" max="2051" width="28.7109375" style="143" customWidth="1"/>
    <col min="2052" max="2052" width="33.42578125" style="143" customWidth="1"/>
    <col min="2053" max="2053" width="10.42578125" style="143" bestFit="1" customWidth="1"/>
    <col min="2054" max="2304" width="9.140625" style="143"/>
    <col min="2305" max="2305" width="4.7109375" style="143" bestFit="1" customWidth="1"/>
    <col min="2306" max="2306" width="19.7109375" style="143" customWidth="1"/>
    <col min="2307" max="2307" width="28.7109375" style="143" customWidth="1"/>
    <col min="2308" max="2308" width="33.42578125" style="143" customWidth="1"/>
    <col min="2309" max="2309" width="10.42578125" style="143" bestFit="1" customWidth="1"/>
    <col min="2310" max="2560" width="9.140625" style="143"/>
    <col min="2561" max="2561" width="4.7109375" style="143" bestFit="1" customWidth="1"/>
    <col min="2562" max="2562" width="19.7109375" style="143" customWidth="1"/>
    <col min="2563" max="2563" width="28.7109375" style="143" customWidth="1"/>
    <col min="2564" max="2564" width="33.42578125" style="143" customWidth="1"/>
    <col min="2565" max="2565" width="10.42578125" style="143" bestFit="1" customWidth="1"/>
    <col min="2566" max="2816" width="9.140625" style="143"/>
    <col min="2817" max="2817" width="4.7109375" style="143" bestFit="1" customWidth="1"/>
    <col min="2818" max="2818" width="19.7109375" style="143" customWidth="1"/>
    <col min="2819" max="2819" width="28.7109375" style="143" customWidth="1"/>
    <col min="2820" max="2820" width="33.42578125" style="143" customWidth="1"/>
    <col min="2821" max="2821" width="10.42578125" style="143" bestFit="1" customWidth="1"/>
    <col min="2822" max="3072" width="9.140625" style="143"/>
    <col min="3073" max="3073" width="4.7109375" style="143" bestFit="1" customWidth="1"/>
    <col min="3074" max="3074" width="19.7109375" style="143" customWidth="1"/>
    <col min="3075" max="3075" width="28.7109375" style="143" customWidth="1"/>
    <col min="3076" max="3076" width="33.42578125" style="143" customWidth="1"/>
    <col min="3077" max="3077" width="10.42578125" style="143" bestFit="1" customWidth="1"/>
    <col min="3078" max="3328" width="9.140625" style="143"/>
    <col min="3329" max="3329" width="4.7109375" style="143" bestFit="1" customWidth="1"/>
    <col min="3330" max="3330" width="19.7109375" style="143" customWidth="1"/>
    <col min="3331" max="3331" width="28.7109375" style="143" customWidth="1"/>
    <col min="3332" max="3332" width="33.42578125" style="143" customWidth="1"/>
    <col min="3333" max="3333" width="10.42578125" style="143" bestFit="1" customWidth="1"/>
    <col min="3334" max="3584" width="9.140625" style="143"/>
    <col min="3585" max="3585" width="4.7109375" style="143" bestFit="1" customWidth="1"/>
    <col min="3586" max="3586" width="19.7109375" style="143" customWidth="1"/>
    <col min="3587" max="3587" width="28.7109375" style="143" customWidth="1"/>
    <col min="3588" max="3588" width="33.42578125" style="143" customWidth="1"/>
    <col min="3589" max="3589" width="10.42578125" style="143" bestFit="1" customWidth="1"/>
    <col min="3590" max="3840" width="9.140625" style="143"/>
    <col min="3841" max="3841" width="4.7109375" style="143" bestFit="1" customWidth="1"/>
    <col min="3842" max="3842" width="19.7109375" style="143" customWidth="1"/>
    <col min="3843" max="3843" width="28.7109375" style="143" customWidth="1"/>
    <col min="3844" max="3844" width="33.42578125" style="143" customWidth="1"/>
    <col min="3845" max="3845" width="10.42578125" style="143" bestFit="1" customWidth="1"/>
    <col min="3846" max="4096" width="9.140625" style="143"/>
    <col min="4097" max="4097" width="4.7109375" style="143" bestFit="1" customWidth="1"/>
    <col min="4098" max="4098" width="19.7109375" style="143" customWidth="1"/>
    <col min="4099" max="4099" width="28.7109375" style="143" customWidth="1"/>
    <col min="4100" max="4100" width="33.42578125" style="143" customWidth="1"/>
    <col min="4101" max="4101" width="10.42578125" style="143" bestFit="1" customWidth="1"/>
    <col min="4102" max="4352" width="9.140625" style="143"/>
    <col min="4353" max="4353" width="4.7109375" style="143" bestFit="1" customWidth="1"/>
    <col min="4354" max="4354" width="19.7109375" style="143" customWidth="1"/>
    <col min="4355" max="4355" width="28.7109375" style="143" customWidth="1"/>
    <col min="4356" max="4356" width="33.42578125" style="143" customWidth="1"/>
    <col min="4357" max="4357" width="10.42578125" style="143" bestFit="1" customWidth="1"/>
    <col min="4358" max="4608" width="9.140625" style="143"/>
    <col min="4609" max="4609" width="4.7109375" style="143" bestFit="1" customWidth="1"/>
    <col min="4610" max="4610" width="19.7109375" style="143" customWidth="1"/>
    <col min="4611" max="4611" width="28.7109375" style="143" customWidth="1"/>
    <col min="4612" max="4612" width="33.42578125" style="143" customWidth="1"/>
    <col min="4613" max="4613" width="10.42578125" style="143" bestFit="1" customWidth="1"/>
    <col min="4614" max="4864" width="9.140625" style="143"/>
    <col min="4865" max="4865" width="4.7109375" style="143" bestFit="1" customWidth="1"/>
    <col min="4866" max="4866" width="19.7109375" style="143" customWidth="1"/>
    <col min="4867" max="4867" width="28.7109375" style="143" customWidth="1"/>
    <col min="4868" max="4868" width="33.42578125" style="143" customWidth="1"/>
    <col min="4869" max="4869" width="10.42578125" style="143" bestFit="1" customWidth="1"/>
    <col min="4870" max="5120" width="9.140625" style="143"/>
    <col min="5121" max="5121" width="4.7109375" style="143" bestFit="1" customWidth="1"/>
    <col min="5122" max="5122" width="19.7109375" style="143" customWidth="1"/>
    <col min="5123" max="5123" width="28.7109375" style="143" customWidth="1"/>
    <col min="5124" max="5124" width="33.42578125" style="143" customWidth="1"/>
    <col min="5125" max="5125" width="10.42578125" style="143" bestFit="1" customWidth="1"/>
    <col min="5126" max="5376" width="9.140625" style="143"/>
    <col min="5377" max="5377" width="4.7109375" style="143" bestFit="1" customWidth="1"/>
    <col min="5378" max="5378" width="19.7109375" style="143" customWidth="1"/>
    <col min="5379" max="5379" width="28.7109375" style="143" customWidth="1"/>
    <col min="5380" max="5380" width="33.42578125" style="143" customWidth="1"/>
    <col min="5381" max="5381" width="10.42578125" style="143" bestFit="1" customWidth="1"/>
    <col min="5382" max="5632" width="9.140625" style="143"/>
    <col min="5633" max="5633" width="4.7109375" style="143" bestFit="1" customWidth="1"/>
    <col min="5634" max="5634" width="19.7109375" style="143" customWidth="1"/>
    <col min="5635" max="5635" width="28.7109375" style="143" customWidth="1"/>
    <col min="5636" max="5636" width="33.42578125" style="143" customWidth="1"/>
    <col min="5637" max="5637" width="10.42578125" style="143" bestFit="1" customWidth="1"/>
    <col min="5638" max="5888" width="9.140625" style="143"/>
    <col min="5889" max="5889" width="4.7109375" style="143" bestFit="1" customWidth="1"/>
    <col min="5890" max="5890" width="19.7109375" style="143" customWidth="1"/>
    <col min="5891" max="5891" width="28.7109375" style="143" customWidth="1"/>
    <col min="5892" max="5892" width="33.42578125" style="143" customWidth="1"/>
    <col min="5893" max="5893" width="10.42578125" style="143" bestFit="1" customWidth="1"/>
    <col min="5894" max="6144" width="9.140625" style="143"/>
    <col min="6145" max="6145" width="4.7109375" style="143" bestFit="1" customWidth="1"/>
    <col min="6146" max="6146" width="19.7109375" style="143" customWidth="1"/>
    <col min="6147" max="6147" width="28.7109375" style="143" customWidth="1"/>
    <col min="6148" max="6148" width="33.42578125" style="143" customWidth="1"/>
    <col min="6149" max="6149" width="10.42578125" style="143" bestFit="1" customWidth="1"/>
    <col min="6150" max="6400" width="9.140625" style="143"/>
    <col min="6401" max="6401" width="4.7109375" style="143" bestFit="1" customWidth="1"/>
    <col min="6402" max="6402" width="19.7109375" style="143" customWidth="1"/>
    <col min="6403" max="6403" width="28.7109375" style="143" customWidth="1"/>
    <col min="6404" max="6404" width="33.42578125" style="143" customWidth="1"/>
    <col min="6405" max="6405" width="10.42578125" style="143" bestFit="1" customWidth="1"/>
    <col min="6406" max="6656" width="9.140625" style="143"/>
    <col min="6657" max="6657" width="4.7109375" style="143" bestFit="1" customWidth="1"/>
    <col min="6658" max="6658" width="19.7109375" style="143" customWidth="1"/>
    <col min="6659" max="6659" width="28.7109375" style="143" customWidth="1"/>
    <col min="6660" max="6660" width="33.42578125" style="143" customWidth="1"/>
    <col min="6661" max="6661" width="10.42578125" style="143" bestFit="1" customWidth="1"/>
    <col min="6662" max="6912" width="9.140625" style="143"/>
    <col min="6913" max="6913" width="4.7109375" style="143" bestFit="1" customWidth="1"/>
    <col min="6914" max="6914" width="19.7109375" style="143" customWidth="1"/>
    <col min="6915" max="6915" width="28.7109375" style="143" customWidth="1"/>
    <col min="6916" max="6916" width="33.42578125" style="143" customWidth="1"/>
    <col min="6917" max="6917" width="10.42578125" style="143" bestFit="1" customWidth="1"/>
    <col min="6918" max="7168" width="9.140625" style="143"/>
    <col min="7169" max="7169" width="4.7109375" style="143" bestFit="1" customWidth="1"/>
    <col min="7170" max="7170" width="19.7109375" style="143" customWidth="1"/>
    <col min="7171" max="7171" width="28.7109375" style="143" customWidth="1"/>
    <col min="7172" max="7172" width="33.42578125" style="143" customWidth="1"/>
    <col min="7173" max="7173" width="10.42578125" style="143" bestFit="1" customWidth="1"/>
    <col min="7174" max="7424" width="9.140625" style="143"/>
    <col min="7425" max="7425" width="4.7109375" style="143" bestFit="1" customWidth="1"/>
    <col min="7426" max="7426" width="19.7109375" style="143" customWidth="1"/>
    <col min="7427" max="7427" width="28.7109375" style="143" customWidth="1"/>
    <col min="7428" max="7428" width="33.42578125" style="143" customWidth="1"/>
    <col min="7429" max="7429" width="10.42578125" style="143" bestFit="1" customWidth="1"/>
    <col min="7430" max="7680" width="9.140625" style="143"/>
    <col min="7681" max="7681" width="4.7109375" style="143" bestFit="1" customWidth="1"/>
    <col min="7682" max="7682" width="19.7109375" style="143" customWidth="1"/>
    <col min="7683" max="7683" width="28.7109375" style="143" customWidth="1"/>
    <col min="7684" max="7684" width="33.42578125" style="143" customWidth="1"/>
    <col min="7685" max="7685" width="10.42578125" style="143" bestFit="1" customWidth="1"/>
    <col min="7686" max="7936" width="9.140625" style="143"/>
    <col min="7937" max="7937" width="4.7109375" style="143" bestFit="1" customWidth="1"/>
    <col min="7938" max="7938" width="19.7109375" style="143" customWidth="1"/>
    <col min="7939" max="7939" width="28.7109375" style="143" customWidth="1"/>
    <col min="7940" max="7940" width="33.42578125" style="143" customWidth="1"/>
    <col min="7941" max="7941" width="10.42578125" style="143" bestFit="1" customWidth="1"/>
    <col min="7942" max="8192" width="9.140625" style="143"/>
    <col min="8193" max="8193" width="4.7109375" style="143" bestFit="1" customWidth="1"/>
    <col min="8194" max="8194" width="19.7109375" style="143" customWidth="1"/>
    <col min="8195" max="8195" width="28.7109375" style="143" customWidth="1"/>
    <col min="8196" max="8196" width="33.42578125" style="143" customWidth="1"/>
    <col min="8197" max="8197" width="10.42578125" style="143" bestFit="1" customWidth="1"/>
    <col min="8198" max="8448" width="9.140625" style="143"/>
    <col min="8449" max="8449" width="4.7109375" style="143" bestFit="1" customWidth="1"/>
    <col min="8450" max="8450" width="19.7109375" style="143" customWidth="1"/>
    <col min="8451" max="8451" width="28.7109375" style="143" customWidth="1"/>
    <col min="8452" max="8452" width="33.42578125" style="143" customWidth="1"/>
    <col min="8453" max="8453" width="10.42578125" style="143" bestFit="1" customWidth="1"/>
    <col min="8454" max="8704" width="9.140625" style="143"/>
    <col min="8705" max="8705" width="4.7109375" style="143" bestFit="1" customWidth="1"/>
    <col min="8706" max="8706" width="19.7109375" style="143" customWidth="1"/>
    <col min="8707" max="8707" width="28.7109375" style="143" customWidth="1"/>
    <col min="8708" max="8708" width="33.42578125" style="143" customWidth="1"/>
    <col min="8709" max="8709" width="10.42578125" style="143" bestFit="1" customWidth="1"/>
    <col min="8710" max="8960" width="9.140625" style="143"/>
    <col min="8961" max="8961" width="4.7109375" style="143" bestFit="1" customWidth="1"/>
    <col min="8962" max="8962" width="19.7109375" style="143" customWidth="1"/>
    <col min="8963" max="8963" width="28.7109375" style="143" customWidth="1"/>
    <col min="8964" max="8964" width="33.42578125" style="143" customWidth="1"/>
    <col min="8965" max="8965" width="10.42578125" style="143" bestFit="1" customWidth="1"/>
    <col min="8966" max="9216" width="9.140625" style="143"/>
    <col min="9217" max="9217" width="4.7109375" style="143" bestFit="1" customWidth="1"/>
    <col min="9218" max="9218" width="19.7109375" style="143" customWidth="1"/>
    <col min="9219" max="9219" width="28.7109375" style="143" customWidth="1"/>
    <col min="9220" max="9220" width="33.42578125" style="143" customWidth="1"/>
    <col min="9221" max="9221" width="10.42578125" style="143" bestFit="1" customWidth="1"/>
    <col min="9222" max="9472" width="9.140625" style="143"/>
    <col min="9473" max="9473" width="4.7109375" style="143" bestFit="1" customWidth="1"/>
    <col min="9474" max="9474" width="19.7109375" style="143" customWidth="1"/>
    <col min="9475" max="9475" width="28.7109375" style="143" customWidth="1"/>
    <col min="9476" max="9476" width="33.42578125" style="143" customWidth="1"/>
    <col min="9477" max="9477" width="10.42578125" style="143" bestFit="1" customWidth="1"/>
    <col min="9478" max="9728" width="9.140625" style="143"/>
    <col min="9729" max="9729" width="4.7109375" style="143" bestFit="1" customWidth="1"/>
    <col min="9730" max="9730" width="19.7109375" style="143" customWidth="1"/>
    <col min="9731" max="9731" width="28.7109375" style="143" customWidth="1"/>
    <col min="9732" max="9732" width="33.42578125" style="143" customWidth="1"/>
    <col min="9733" max="9733" width="10.42578125" style="143" bestFit="1" customWidth="1"/>
    <col min="9734" max="9984" width="9.140625" style="143"/>
    <col min="9985" max="9985" width="4.7109375" style="143" bestFit="1" customWidth="1"/>
    <col min="9986" max="9986" width="19.7109375" style="143" customWidth="1"/>
    <col min="9987" max="9987" width="28.7109375" style="143" customWidth="1"/>
    <col min="9988" max="9988" width="33.42578125" style="143" customWidth="1"/>
    <col min="9989" max="9989" width="10.42578125" style="143" bestFit="1" customWidth="1"/>
    <col min="9990" max="10240" width="9.140625" style="143"/>
    <col min="10241" max="10241" width="4.7109375" style="143" bestFit="1" customWidth="1"/>
    <col min="10242" max="10242" width="19.7109375" style="143" customWidth="1"/>
    <col min="10243" max="10243" width="28.7109375" style="143" customWidth="1"/>
    <col min="10244" max="10244" width="33.42578125" style="143" customWidth="1"/>
    <col min="10245" max="10245" width="10.42578125" style="143" bestFit="1" customWidth="1"/>
    <col min="10246" max="10496" width="9.140625" style="143"/>
    <col min="10497" max="10497" width="4.7109375" style="143" bestFit="1" customWidth="1"/>
    <col min="10498" max="10498" width="19.7109375" style="143" customWidth="1"/>
    <col min="10499" max="10499" width="28.7109375" style="143" customWidth="1"/>
    <col min="10500" max="10500" width="33.42578125" style="143" customWidth="1"/>
    <col min="10501" max="10501" width="10.42578125" style="143" bestFit="1" customWidth="1"/>
    <col min="10502" max="10752" width="9.140625" style="143"/>
    <col min="10753" max="10753" width="4.7109375" style="143" bestFit="1" customWidth="1"/>
    <col min="10754" max="10754" width="19.7109375" style="143" customWidth="1"/>
    <col min="10755" max="10755" width="28.7109375" style="143" customWidth="1"/>
    <col min="10756" max="10756" width="33.42578125" style="143" customWidth="1"/>
    <col min="10757" max="10757" width="10.42578125" style="143" bestFit="1" customWidth="1"/>
    <col min="10758" max="11008" width="9.140625" style="143"/>
    <col min="11009" max="11009" width="4.7109375" style="143" bestFit="1" customWidth="1"/>
    <col min="11010" max="11010" width="19.7109375" style="143" customWidth="1"/>
    <col min="11011" max="11011" width="28.7109375" style="143" customWidth="1"/>
    <col min="11012" max="11012" width="33.42578125" style="143" customWidth="1"/>
    <col min="11013" max="11013" width="10.42578125" style="143" bestFit="1" customWidth="1"/>
    <col min="11014" max="11264" width="9.140625" style="143"/>
    <col min="11265" max="11265" width="4.7109375" style="143" bestFit="1" customWidth="1"/>
    <col min="11266" max="11266" width="19.7109375" style="143" customWidth="1"/>
    <col min="11267" max="11267" width="28.7109375" style="143" customWidth="1"/>
    <col min="11268" max="11268" width="33.42578125" style="143" customWidth="1"/>
    <col min="11269" max="11269" width="10.42578125" style="143" bestFit="1" customWidth="1"/>
    <col min="11270" max="11520" width="9.140625" style="143"/>
    <col min="11521" max="11521" width="4.7109375" style="143" bestFit="1" customWidth="1"/>
    <col min="11522" max="11522" width="19.7109375" style="143" customWidth="1"/>
    <col min="11523" max="11523" width="28.7109375" style="143" customWidth="1"/>
    <col min="11524" max="11524" width="33.42578125" style="143" customWidth="1"/>
    <col min="11525" max="11525" width="10.42578125" style="143" bestFit="1" customWidth="1"/>
    <col min="11526" max="11776" width="9.140625" style="143"/>
    <col min="11777" max="11777" width="4.7109375" style="143" bestFit="1" customWidth="1"/>
    <col min="11778" max="11778" width="19.7109375" style="143" customWidth="1"/>
    <col min="11779" max="11779" width="28.7109375" style="143" customWidth="1"/>
    <col min="11780" max="11780" width="33.42578125" style="143" customWidth="1"/>
    <col min="11781" max="11781" width="10.42578125" style="143" bestFit="1" customWidth="1"/>
    <col min="11782" max="12032" width="9.140625" style="143"/>
    <col min="12033" max="12033" width="4.7109375" style="143" bestFit="1" customWidth="1"/>
    <col min="12034" max="12034" width="19.7109375" style="143" customWidth="1"/>
    <col min="12035" max="12035" width="28.7109375" style="143" customWidth="1"/>
    <col min="12036" max="12036" width="33.42578125" style="143" customWidth="1"/>
    <col min="12037" max="12037" width="10.42578125" style="143" bestFit="1" customWidth="1"/>
    <col min="12038" max="12288" width="9.140625" style="143"/>
    <col min="12289" max="12289" width="4.7109375" style="143" bestFit="1" customWidth="1"/>
    <col min="12290" max="12290" width="19.7109375" style="143" customWidth="1"/>
    <col min="12291" max="12291" width="28.7109375" style="143" customWidth="1"/>
    <col min="12292" max="12292" width="33.42578125" style="143" customWidth="1"/>
    <col min="12293" max="12293" width="10.42578125" style="143" bestFit="1" customWidth="1"/>
    <col min="12294" max="12544" width="9.140625" style="143"/>
    <col min="12545" max="12545" width="4.7109375" style="143" bestFit="1" customWidth="1"/>
    <col min="12546" max="12546" width="19.7109375" style="143" customWidth="1"/>
    <col min="12547" max="12547" width="28.7109375" style="143" customWidth="1"/>
    <col min="12548" max="12548" width="33.42578125" style="143" customWidth="1"/>
    <col min="12549" max="12549" width="10.42578125" style="143" bestFit="1" customWidth="1"/>
    <col min="12550" max="12800" width="9.140625" style="143"/>
    <col min="12801" max="12801" width="4.7109375" style="143" bestFit="1" customWidth="1"/>
    <col min="12802" max="12802" width="19.7109375" style="143" customWidth="1"/>
    <col min="12803" max="12803" width="28.7109375" style="143" customWidth="1"/>
    <col min="12804" max="12804" width="33.42578125" style="143" customWidth="1"/>
    <col min="12805" max="12805" width="10.42578125" style="143" bestFit="1" customWidth="1"/>
    <col min="12806" max="13056" width="9.140625" style="143"/>
    <col min="13057" max="13057" width="4.7109375" style="143" bestFit="1" customWidth="1"/>
    <col min="13058" max="13058" width="19.7109375" style="143" customWidth="1"/>
    <col min="13059" max="13059" width="28.7109375" style="143" customWidth="1"/>
    <col min="13060" max="13060" width="33.42578125" style="143" customWidth="1"/>
    <col min="13061" max="13061" width="10.42578125" style="143" bestFit="1" customWidth="1"/>
    <col min="13062" max="13312" width="9.140625" style="143"/>
    <col min="13313" max="13313" width="4.7109375" style="143" bestFit="1" customWidth="1"/>
    <col min="13314" max="13314" width="19.7109375" style="143" customWidth="1"/>
    <col min="13315" max="13315" width="28.7109375" style="143" customWidth="1"/>
    <col min="13316" max="13316" width="33.42578125" style="143" customWidth="1"/>
    <col min="13317" max="13317" width="10.42578125" style="143" bestFit="1" customWidth="1"/>
    <col min="13318" max="13568" width="9.140625" style="143"/>
    <col min="13569" max="13569" width="4.7109375" style="143" bestFit="1" customWidth="1"/>
    <col min="13570" max="13570" width="19.7109375" style="143" customWidth="1"/>
    <col min="13571" max="13571" width="28.7109375" style="143" customWidth="1"/>
    <col min="13572" max="13572" width="33.42578125" style="143" customWidth="1"/>
    <col min="13573" max="13573" width="10.42578125" style="143" bestFit="1" customWidth="1"/>
    <col min="13574" max="13824" width="9.140625" style="143"/>
    <col min="13825" max="13825" width="4.7109375" style="143" bestFit="1" customWidth="1"/>
    <col min="13826" max="13826" width="19.7109375" style="143" customWidth="1"/>
    <col min="13827" max="13827" width="28.7109375" style="143" customWidth="1"/>
    <col min="13828" max="13828" width="33.42578125" style="143" customWidth="1"/>
    <col min="13829" max="13829" width="10.42578125" style="143" bestFit="1" customWidth="1"/>
    <col min="13830" max="14080" width="9.140625" style="143"/>
    <col min="14081" max="14081" width="4.7109375" style="143" bestFit="1" customWidth="1"/>
    <col min="14082" max="14082" width="19.7109375" style="143" customWidth="1"/>
    <col min="14083" max="14083" width="28.7109375" style="143" customWidth="1"/>
    <col min="14084" max="14084" width="33.42578125" style="143" customWidth="1"/>
    <col min="14085" max="14085" width="10.42578125" style="143" bestFit="1" customWidth="1"/>
    <col min="14086" max="14336" width="9.140625" style="143"/>
    <col min="14337" max="14337" width="4.7109375" style="143" bestFit="1" customWidth="1"/>
    <col min="14338" max="14338" width="19.7109375" style="143" customWidth="1"/>
    <col min="14339" max="14339" width="28.7109375" style="143" customWidth="1"/>
    <col min="14340" max="14340" width="33.42578125" style="143" customWidth="1"/>
    <col min="14341" max="14341" width="10.42578125" style="143" bestFit="1" customWidth="1"/>
    <col min="14342" max="14592" width="9.140625" style="143"/>
    <col min="14593" max="14593" width="4.7109375" style="143" bestFit="1" customWidth="1"/>
    <col min="14594" max="14594" width="19.7109375" style="143" customWidth="1"/>
    <col min="14595" max="14595" width="28.7109375" style="143" customWidth="1"/>
    <col min="14596" max="14596" width="33.42578125" style="143" customWidth="1"/>
    <col min="14597" max="14597" width="10.42578125" style="143" bestFit="1" customWidth="1"/>
    <col min="14598" max="14848" width="9.140625" style="143"/>
    <col min="14849" max="14849" width="4.7109375" style="143" bestFit="1" customWidth="1"/>
    <col min="14850" max="14850" width="19.7109375" style="143" customWidth="1"/>
    <col min="14851" max="14851" width="28.7109375" style="143" customWidth="1"/>
    <col min="14852" max="14852" width="33.42578125" style="143" customWidth="1"/>
    <col min="14853" max="14853" width="10.42578125" style="143" bestFit="1" customWidth="1"/>
    <col min="14854" max="15104" width="9.140625" style="143"/>
    <col min="15105" max="15105" width="4.7109375" style="143" bestFit="1" customWidth="1"/>
    <col min="15106" max="15106" width="19.7109375" style="143" customWidth="1"/>
    <col min="15107" max="15107" width="28.7109375" style="143" customWidth="1"/>
    <col min="15108" max="15108" width="33.42578125" style="143" customWidth="1"/>
    <col min="15109" max="15109" width="10.42578125" style="143" bestFit="1" customWidth="1"/>
    <col min="15110" max="15360" width="9.140625" style="143"/>
    <col min="15361" max="15361" width="4.7109375" style="143" bestFit="1" customWidth="1"/>
    <col min="15362" max="15362" width="19.7109375" style="143" customWidth="1"/>
    <col min="15363" max="15363" width="28.7109375" style="143" customWidth="1"/>
    <col min="15364" max="15364" width="33.42578125" style="143" customWidth="1"/>
    <col min="15365" max="15365" width="10.42578125" style="143" bestFit="1" customWidth="1"/>
    <col min="15366" max="15616" width="9.140625" style="143"/>
    <col min="15617" max="15617" width="4.7109375" style="143" bestFit="1" customWidth="1"/>
    <col min="15618" max="15618" width="19.7109375" style="143" customWidth="1"/>
    <col min="15619" max="15619" width="28.7109375" style="143" customWidth="1"/>
    <col min="15620" max="15620" width="33.42578125" style="143" customWidth="1"/>
    <col min="15621" max="15621" width="10.42578125" style="143" bestFit="1" customWidth="1"/>
    <col min="15622" max="15872" width="9.140625" style="143"/>
    <col min="15873" max="15873" width="4.7109375" style="143" bestFit="1" customWidth="1"/>
    <col min="15874" max="15874" width="19.7109375" style="143" customWidth="1"/>
    <col min="15875" max="15875" width="28.7109375" style="143" customWidth="1"/>
    <col min="15876" max="15876" width="33.42578125" style="143" customWidth="1"/>
    <col min="15877" max="15877" width="10.42578125" style="143" bestFit="1" customWidth="1"/>
    <col min="15878" max="16128" width="9.140625" style="143"/>
    <col min="16129" max="16129" width="4.7109375" style="143" bestFit="1" customWidth="1"/>
    <col min="16130" max="16130" width="19.7109375" style="143" customWidth="1"/>
    <col min="16131" max="16131" width="28.7109375" style="143" customWidth="1"/>
    <col min="16132" max="16132" width="33.42578125" style="143" customWidth="1"/>
    <col min="16133" max="16133" width="10.42578125" style="143" bestFit="1" customWidth="1"/>
    <col min="16134" max="16384" width="9.140625" style="143"/>
  </cols>
  <sheetData>
    <row r="1" spans="1:10" x14ac:dyDescent="0.2">
      <c r="A1" s="336" t="s">
        <v>12</v>
      </c>
      <c r="B1" s="336"/>
    </row>
    <row r="2" spans="1:10" s="144" customFormat="1" ht="26.25" customHeight="1" x14ac:dyDescent="0.25">
      <c r="A2" s="342" t="s">
        <v>124</v>
      </c>
      <c r="B2" s="342"/>
      <c r="C2" s="342"/>
      <c r="D2" s="342"/>
    </row>
    <row r="3" spans="1:10" x14ac:dyDescent="0.2">
      <c r="A3" s="343"/>
      <c r="B3" s="343"/>
      <c r="C3" s="343"/>
    </row>
    <row r="4" spans="1:10" ht="32.25" customHeight="1" x14ac:dyDescent="0.25">
      <c r="A4" s="344" t="s">
        <v>69</v>
      </c>
      <c r="B4" s="344"/>
      <c r="C4" s="344"/>
      <c r="D4" s="344"/>
      <c r="E4" s="145"/>
      <c r="F4" s="145"/>
      <c r="G4" s="145"/>
      <c r="H4" s="145"/>
      <c r="I4" s="145"/>
      <c r="J4" s="145"/>
    </row>
    <row r="6" spans="1:10" s="144" customFormat="1" ht="20.100000000000001" customHeight="1" x14ac:dyDescent="0.25">
      <c r="A6" s="337" t="s">
        <v>1</v>
      </c>
      <c r="B6" s="337"/>
      <c r="C6" s="345"/>
      <c r="D6" s="346"/>
      <c r="E6" s="146"/>
    </row>
    <row r="7" spans="1:10" s="144" customFormat="1" ht="20.100000000000001" customHeight="1" x14ac:dyDescent="0.25">
      <c r="A7" s="337" t="s">
        <v>2</v>
      </c>
      <c r="B7" s="337"/>
      <c r="C7" s="338"/>
      <c r="D7" s="339"/>
    </row>
    <row r="8" spans="1:10" ht="20.100000000000001" customHeight="1" x14ac:dyDescent="0.2">
      <c r="A8" s="336" t="s">
        <v>3</v>
      </c>
      <c r="B8" s="336"/>
      <c r="C8" s="338"/>
      <c r="D8" s="339"/>
    </row>
    <row r="9" spans="1:10" ht="20.100000000000001" customHeight="1" x14ac:dyDescent="0.2">
      <c r="A9" s="336" t="s">
        <v>4</v>
      </c>
      <c r="B9" s="336"/>
      <c r="C9" s="338"/>
      <c r="D9" s="339"/>
    </row>
    <row r="10" spans="1:10" x14ac:dyDescent="0.2">
      <c r="C10" s="147"/>
    </row>
    <row r="11" spans="1:10" s="148" customFormat="1" x14ac:dyDescent="0.25">
      <c r="A11" s="340" t="s">
        <v>19</v>
      </c>
      <c r="B11" s="340"/>
      <c r="C11" s="340"/>
      <c r="D11" s="340"/>
    </row>
    <row r="12" spans="1:10" ht="52.5" customHeight="1" x14ac:dyDescent="0.2">
      <c r="A12" s="144" t="s">
        <v>0</v>
      </c>
      <c r="B12" s="337" t="s">
        <v>70</v>
      </c>
      <c r="C12" s="337"/>
      <c r="D12" s="337"/>
    </row>
    <row r="13" spans="1:10" ht="39" customHeight="1" x14ac:dyDescent="0.2">
      <c r="A13" s="144" t="s">
        <v>0</v>
      </c>
      <c r="B13" s="337" t="s">
        <v>71</v>
      </c>
      <c r="C13" s="337"/>
      <c r="D13" s="337"/>
    </row>
    <row r="14" spans="1:10" ht="39.75" customHeight="1" x14ac:dyDescent="0.2">
      <c r="A14" s="144" t="s">
        <v>0</v>
      </c>
      <c r="B14" s="337" t="s">
        <v>72</v>
      </c>
      <c r="C14" s="337"/>
      <c r="D14" s="337"/>
    </row>
    <row r="16" spans="1:10" s="148" customFormat="1" x14ac:dyDescent="0.25">
      <c r="A16" s="148" t="s">
        <v>8</v>
      </c>
      <c r="B16" s="149"/>
    </row>
    <row r="17" spans="1:5" s="148" customFormat="1" x14ac:dyDescent="0.25">
      <c r="A17" s="148" t="s">
        <v>9</v>
      </c>
      <c r="B17" s="150"/>
    </row>
    <row r="18" spans="1:5" x14ac:dyDescent="0.2">
      <c r="D18" s="151"/>
    </row>
    <row r="19" spans="1:5" x14ac:dyDescent="0.2">
      <c r="C19" s="152" t="s">
        <v>73</v>
      </c>
      <c r="D19" s="149"/>
    </row>
    <row r="20" spans="1:5" ht="33.75" x14ac:dyDescent="0.2">
      <c r="C20" s="153"/>
      <c r="D20" s="206" t="s">
        <v>98</v>
      </c>
    </row>
    <row r="21" spans="1:5" s="153" customFormat="1" x14ac:dyDescent="0.2">
      <c r="A21" s="341" t="s">
        <v>10</v>
      </c>
      <c r="B21" s="341"/>
    </row>
    <row r="22" spans="1:5" s="157" customFormat="1" ht="12" customHeight="1" x14ac:dyDescent="0.2">
      <c r="A22" s="155"/>
      <c r="B22" s="336" t="s">
        <v>11</v>
      </c>
      <c r="C22" s="336"/>
      <c r="D22" s="154"/>
      <c r="E22" s="156"/>
    </row>
  </sheetData>
  <mergeCells count="18">
    <mergeCell ref="A1:B1"/>
    <mergeCell ref="A2:D2"/>
    <mergeCell ref="A3:C3"/>
    <mergeCell ref="A4:D4"/>
    <mergeCell ref="A6:B6"/>
    <mergeCell ref="C6:D6"/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</mergeCells>
  <conditionalFormatting sqref="A22">
    <cfRule type="containsBlanks" dxfId="25" priority="2">
      <formula>LEN(TRIM(A22))=0</formula>
    </cfRule>
  </conditionalFormatting>
  <conditionalFormatting sqref="C6:D9">
    <cfRule type="containsBlanks" dxfId="24" priority="4">
      <formula>LEN(TRIM(C6))=0</formula>
    </cfRule>
  </conditionalFormatting>
  <conditionalFormatting sqref="B16:B17">
    <cfRule type="containsBlanks" dxfId="23" priority="3">
      <formula>LEN(TRIM(B16))=0</formula>
    </cfRule>
  </conditionalFormatting>
  <conditionalFormatting sqref="D19">
    <cfRule type="containsBlanks" dxfId="22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3"/>
  <sheetViews>
    <sheetView showGridLines="0" topLeftCell="A4" zoomScale="90" zoomScaleNormal="90" workbookViewId="0">
      <selection activeCell="H7" sqref="H7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12" customWidth="1"/>
    <col min="6" max="7" width="12.7109375" style="212" customWidth="1"/>
    <col min="8" max="8" width="15.7109375" style="21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352" t="s">
        <v>12</v>
      </c>
      <c r="B1" s="352"/>
      <c r="C1" s="352"/>
      <c r="D1" s="352"/>
      <c r="E1" s="352"/>
    </row>
    <row r="2" spans="1:12" ht="30" customHeight="1" x14ac:dyDescent="0.2">
      <c r="A2" s="353" t="str">
        <f>'Príloha č. 1'!A2:B2</f>
        <v>Lieky skupiny ATC B05BA10, C07AB14</v>
      </c>
      <c r="B2" s="353"/>
      <c r="C2" s="353"/>
      <c r="D2" s="353"/>
      <c r="E2" s="353"/>
      <c r="F2" s="86"/>
      <c r="G2" s="86"/>
      <c r="H2" s="86"/>
      <c r="I2" s="86"/>
      <c r="J2" s="86"/>
      <c r="K2" s="86"/>
      <c r="L2" s="86"/>
    </row>
    <row r="3" spans="1:12" s="37" customFormat="1" ht="30" customHeight="1" x14ac:dyDescent="0.25">
      <c r="A3" s="354" t="s">
        <v>52</v>
      </c>
      <c r="B3" s="354"/>
      <c r="C3" s="354"/>
      <c r="D3" s="354"/>
      <c r="E3" s="354"/>
      <c r="F3" s="85"/>
      <c r="G3" s="85"/>
      <c r="H3" s="85"/>
      <c r="I3" s="85"/>
      <c r="J3" s="85"/>
      <c r="K3" s="85"/>
      <c r="L3" s="85"/>
    </row>
    <row r="4" spans="1:12" s="37" customFormat="1" ht="11.25" customHeight="1" x14ac:dyDescent="0.25">
      <c r="A4" s="210"/>
      <c r="B4" s="210"/>
      <c r="C4" s="239"/>
      <c r="D4" s="210"/>
      <c r="E4" s="210"/>
      <c r="F4" s="85"/>
      <c r="G4" s="85"/>
      <c r="H4" s="85"/>
      <c r="I4" s="85"/>
      <c r="J4" s="85"/>
      <c r="K4" s="85"/>
      <c r="L4" s="85"/>
    </row>
    <row r="5" spans="1:12" s="37" customFormat="1" ht="25.5" customHeight="1" thickBot="1" x14ac:dyDescent="0.3">
      <c r="A5" s="355" t="s">
        <v>125</v>
      </c>
      <c r="B5" s="355"/>
      <c r="C5" s="355"/>
      <c r="D5" s="355"/>
      <c r="E5" s="355"/>
      <c r="F5" s="85"/>
      <c r="G5" s="85"/>
      <c r="H5" s="85"/>
      <c r="I5" s="85"/>
      <c r="J5" s="85"/>
      <c r="K5" s="85"/>
      <c r="L5" s="85"/>
    </row>
    <row r="6" spans="1:12" s="35" customFormat="1" ht="94.5" customHeight="1" x14ac:dyDescent="0.25">
      <c r="A6" s="364" t="s">
        <v>49</v>
      </c>
      <c r="B6" s="365"/>
      <c r="C6" s="366"/>
      <c r="D6" s="356" t="s">
        <v>50</v>
      </c>
      <c r="E6" s="357"/>
    </row>
    <row r="7" spans="1:12" s="35" customFormat="1" ht="29.25" customHeight="1" thickBot="1" x14ac:dyDescent="0.3">
      <c r="A7" s="367"/>
      <c r="B7" s="368"/>
      <c r="C7" s="369"/>
      <c r="D7" s="279" t="s">
        <v>56</v>
      </c>
      <c r="E7" s="280" t="s">
        <v>51</v>
      </c>
    </row>
    <row r="8" spans="1:12" s="84" customFormat="1" ht="28.5" customHeight="1" thickBot="1" x14ac:dyDescent="0.3">
      <c r="A8" s="358" t="s">
        <v>126</v>
      </c>
      <c r="B8" s="359"/>
      <c r="C8" s="359"/>
      <c r="D8" s="359"/>
      <c r="E8" s="360"/>
    </row>
    <row r="9" spans="1:12" s="84" customFormat="1" ht="27.95" customHeight="1" x14ac:dyDescent="0.25">
      <c r="A9" s="245" t="s">
        <v>27</v>
      </c>
      <c r="B9" s="246" t="s">
        <v>100</v>
      </c>
      <c r="C9" s="275" t="s">
        <v>129</v>
      </c>
      <c r="D9" s="247"/>
      <c r="E9" s="248"/>
    </row>
    <row r="10" spans="1:12" s="84" customFormat="1" ht="27.95" customHeight="1" x14ac:dyDescent="0.25">
      <c r="A10" s="213" t="s">
        <v>28</v>
      </c>
      <c r="B10" s="243" t="s">
        <v>101</v>
      </c>
      <c r="C10" s="276" t="s">
        <v>130</v>
      </c>
      <c r="D10" s="141"/>
      <c r="E10" s="134"/>
    </row>
    <row r="11" spans="1:12" s="84" customFormat="1" ht="27.95" customHeight="1" x14ac:dyDescent="0.25">
      <c r="A11" s="213" t="s">
        <v>29</v>
      </c>
      <c r="B11" s="244" t="s">
        <v>102</v>
      </c>
      <c r="C11" s="276" t="s">
        <v>131</v>
      </c>
      <c r="D11" s="141"/>
      <c r="E11" s="134"/>
    </row>
    <row r="12" spans="1:12" s="84" customFormat="1" ht="27.95" customHeight="1" x14ac:dyDescent="0.25">
      <c r="A12" s="213" t="s">
        <v>30</v>
      </c>
      <c r="B12" s="244" t="s">
        <v>103</v>
      </c>
      <c r="C12" s="277" t="s">
        <v>132</v>
      </c>
      <c r="D12" s="141"/>
      <c r="E12" s="134"/>
    </row>
    <row r="13" spans="1:12" s="84" customFormat="1" ht="42.75" customHeight="1" x14ac:dyDescent="0.25">
      <c r="A13" s="213" t="s">
        <v>31</v>
      </c>
      <c r="B13" s="243" t="s">
        <v>133</v>
      </c>
      <c r="C13" s="276" t="s">
        <v>134</v>
      </c>
      <c r="D13" s="141"/>
      <c r="E13" s="134"/>
    </row>
    <row r="14" spans="1:12" s="84" customFormat="1" ht="70.5" customHeight="1" x14ac:dyDescent="0.25">
      <c r="A14" s="213" t="s">
        <v>32</v>
      </c>
      <c r="B14" s="243" t="s">
        <v>104</v>
      </c>
      <c r="C14" s="276" t="s">
        <v>135</v>
      </c>
      <c r="D14" s="141"/>
      <c r="E14" s="134"/>
    </row>
    <row r="15" spans="1:12" s="84" customFormat="1" ht="36.75" customHeight="1" x14ac:dyDescent="0.25">
      <c r="A15" s="213" t="s">
        <v>33</v>
      </c>
      <c r="B15" s="243" t="s">
        <v>105</v>
      </c>
      <c r="C15" s="278" t="s">
        <v>136</v>
      </c>
      <c r="D15" s="141"/>
      <c r="E15" s="134"/>
    </row>
    <row r="16" spans="1:12" s="84" customFormat="1" ht="36.75" customHeight="1" x14ac:dyDescent="0.25">
      <c r="A16" s="213" t="s">
        <v>127</v>
      </c>
      <c r="B16" s="243" t="s">
        <v>109</v>
      </c>
      <c r="C16" s="278" t="s">
        <v>137</v>
      </c>
      <c r="D16" s="141"/>
      <c r="E16" s="134"/>
    </row>
    <row r="17" spans="1:11" s="84" customFormat="1" ht="27.95" customHeight="1" x14ac:dyDescent="0.25">
      <c r="A17" s="213" t="s">
        <v>128</v>
      </c>
      <c r="B17" s="243" t="s">
        <v>106</v>
      </c>
      <c r="C17" s="278" t="s">
        <v>107</v>
      </c>
      <c r="D17" s="141"/>
      <c r="E17" s="134"/>
    </row>
    <row r="18" spans="1:11" s="84" customFormat="1" ht="62.25" customHeight="1" thickBot="1" x14ac:dyDescent="0.3">
      <c r="A18" s="214" t="s">
        <v>35</v>
      </c>
      <c r="B18" s="349" t="s">
        <v>108</v>
      </c>
      <c r="C18" s="350"/>
      <c r="D18" s="142"/>
      <c r="E18" s="198"/>
    </row>
    <row r="19" spans="1:11" s="84" customFormat="1" ht="12" customHeight="1" x14ac:dyDescent="0.25">
      <c r="A19" s="89"/>
      <c r="B19" s="90"/>
      <c r="C19" s="90"/>
      <c r="D19" s="91"/>
      <c r="E19" s="92"/>
    </row>
    <row r="20" spans="1:11" s="19" customFormat="1" ht="20.100000000000001" customHeight="1" x14ac:dyDescent="0.25">
      <c r="A20" s="361" t="s">
        <v>38</v>
      </c>
      <c r="B20" s="361"/>
      <c r="C20" s="361"/>
      <c r="D20" s="361"/>
      <c r="E20" s="361"/>
      <c r="F20" s="87"/>
      <c r="G20" s="87"/>
      <c r="H20" s="87"/>
      <c r="I20" s="87"/>
      <c r="J20" s="87"/>
      <c r="K20" s="87"/>
    </row>
    <row r="21" spans="1:11" s="19" customFormat="1" ht="20.100000000000001" customHeight="1" x14ac:dyDescent="0.25">
      <c r="A21" s="119"/>
      <c r="B21" s="119"/>
      <c r="C21" s="119"/>
      <c r="D21" s="119"/>
      <c r="E21" s="119"/>
      <c r="F21" s="87"/>
      <c r="G21" s="87"/>
      <c r="H21" s="87"/>
      <c r="I21" s="87"/>
      <c r="J21" s="87"/>
      <c r="K21" s="87"/>
    </row>
    <row r="22" spans="1:11" s="56" customFormat="1" ht="30" customHeight="1" x14ac:dyDescent="0.25">
      <c r="A22" s="362" t="s">
        <v>1</v>
      </c>
      <c r="B22" s="362"/>
      <c r="C22" s="240"/>
      <c r="D22" s="363" t="str">
        <f>IF('Príloha č. 1'!$C$6="","",'Príloha č. 1'!$C$6)</f>
        <v/>
      </c>
      <c r="E22" s="363"/>
      <c r="H22" s="57"/>
    </row>
    <row r="23" spans="1:11" s="56" customFormat="1" ht="15" customHeight="1" x14ac:dyDescent="0.25">
      <c r="A23" s="347" t="s">
        <v>2</v>
      </c>
      <c r="B23" s="347"/>
      <c r="C23" s="237"/>
      <c r="D23" s="348" t="str">
        <f>IF('Príloha č. 1'!$C$7="","",'Príloha č. 1'!$C$7)</f>
        <v/>
      </c>
      <c r="E23" s="348"/>
    </row>
    <row r="24" spans="1:11" s="56" customFormat="1" ht="15" customHeight="1" x14ac:dyDescent="0.25">
      <c r="A24" s="347" t="s">
        <v>3</v>
      </c>
      <c r="B24" s="347"/>
      <c r="C24" s="237"/>
      <c r="D24" s="348" t="str">
        <f>IF('Príloha č. 1'!C8:D8="","",'Príloha č. 1'!C8:D8)</f>
        <v/>
      </c>
      <c r="E24" s="348"/>
    </row>
    <row r="25" spans="1:11" s="56" customFormat="1" ht="15" customHeight="1" x14ac:dyDescent="0.25">
      <c r="A25" s="347" t="s">
        <v>4</v>
      </c>
      <c r="B25" s="347"/>
      <c r="C25" s="237"/>
      <c r="D25" s="348" t="str">
        <f>IF('Príloha č. 1'!C9:D9="","",'Príloha č. 1'!C9:D9)</f>
        <v/>
      </c>
      <c r="E25" s="348"/>
    </row>
    <row r="28" spans="1:11" ht="15" customHeight="1" x14ac:dyDescent="0.2">
      <c r="A28" s="36" t="s">
        <v>8</v>
      </c>
      <c r="B28" s="88" t="str">
        <f>IF('Príloha č. 1'!B23:B23="","",'Príloha č. 1'!B23:B23)</f>
        <v/>
      </c>
      <c r="C28" s="88"/>
      <c r="D28" s="212"/>
      <c r="F28" s="36"/>
      <c r="G28" s="36"/>
      <c r="H28" s="36"/>
    </row>
    <row r="29" spans="1:11" ht="15" customHeight="1" x14ac:dyDescent="0.2">
      <c r="A29" s="36" t="s">
        <v>9</v>
      </c>
      <c r="B29" s="28" t="str">
        <f>IF('Príloha č. 1'!B24:B24="","",'Príloha č. 1'!B24:B24)</f>
        <v/>
      </c>
      <c r="C29" s="28"/>
      <c r="D29" s="212"/>
      <c r="F29" s="36"/>
      <c r="G29" s="36"/>
      <c r="H29" s="36"/>
    </row>
    <row r="30" spans="1:11" ht="39.950000000000003" customHeight="1" x14ac:dyDescent="0.2">
      <c r="E30" s="73"/>
    </row>
    <row r="31" spans="1:11" ht="59.25" customHeight="1" x14ac:dyDescent="0.2">
      <c r="E31" s="241" t="s">
        <v>86</v>
      </c>
      <c r="F31" s="61"/>
      <c r="G31" s="61"/>
      <c r="H31" s="61"/>
    </row>
    <row r="32" spans="1:11" s="58" customFormat="1" x14ac:dyDescent="0.2">
      <c r="A32" s="351" t="s">
        <v>10</v>
      </c>
      <c r="B32" s="351"/>
      <c r="C32" s="238"/>
      <c r="D32" s="211"/>
      <c r="E32" s="61"/>
      <c r="F32" s="212"/>
      <c r="G32" s="212"/>
      <c r="H32" s="212"/>
    </row>
    <row r="33" spans="1:9" s="63" customFormat="1" ht="12" customHeight="1" x14ac:dyDescent="0.2">
      <c r="A33" s="59"/>
      <c r="B33" s="60" t="s">
        <v>11</v>
      </c>
      <c r="C33" s="60"/>
      <c r="D33" s="60"/>
      <c r="E33" s="45"/>
      <c r="F33" s="212"/>
      <c r="G33" s="212"/>
      <c r="H33" s="212"/>
      <c r="I33" s="61"/>
    </row>
  </sheetData>
  <mergeCells count="18">
    <mergeCell ref="A8:E8"/>
    <mergeCell ref="A20:E20"/>
    <mergeCell ref="A22:B22"/>
    <mergeCell ref="D22:E22"/>
    <mergeCell ref="A6:C7"/>
    <mergeCell ref="A1:E1"/>
    <mergeCell ref="A2:E2"/>
    <mergeCell ref="A3:E3"/>
    <mergeCell ref="A5:E5"/>
    <mergeCell ref="D6:E6"/>
    <mergeCell ref="A25:B25"/>
    <mergeCell ref="D25:E25"/>
    <mergeCell ref="B18:C18"/>
    <mergeCell ref="A32:B32"/>
    <mergeCell ref="A23:B23"/>
    <mergeCell ref="D23:E23"/>
    <mergeCell ref="A24:B24"/>
    <mergeCell ref="D24:E24"/>
  </mergeCells>
  <conditionalFormatting sqref="B28:C29">
    <cfRule type="containsBlanks" dxfId="21" priority="3">
      <formula>LEN(TRIM(B28))=0</formula>
    </cfRule>
  </conditionalFormatting>
  <conditionalFormatting sqref="D23:E25">
    <cfRule type="containsBlanks" dxfId="20" priority="2">
      <formula>LEN(TRIM(D23))=0</formula>
    </cfRule>
  </conditionalFormatting>
  <conditionalFormatting sqref="D22:E22">
    <cfRule type="containsBlanks" dxfId="19" priority="1">
      <formula>LEN(TRIM(D22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3"/>
  <sheetViews>
    <sheetView showGridLines="0" zoomScale="90" zoomScaleNormal="90" workbookViewId="0">
      <selection activeCell="A8" sqref="A8:E8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42" customWidth="1"/>
    <col min="6" max="7" width="12.7109375" style="242" customWidth="1"/>
    <col min="8" max="8" width="15.7109375" style="24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352" t="s">
        <v>12</v>
      </c>
      <c r="B1" s="352"/>
      <c r="C1" s="352"/>
      <c r="D1" s="352"/>
      <c r="E1" s="352"/>
    </row>
    <row r="2" spans="1:12" ht="30" customHeight="1" x14ac:dyDescent="0.2">
      <c r="A2" s="353" t="str">
        <f>'Príloha č. 1'!A2:B2</f>
        <v>Lieky skupiny ATC B05BA10, C07AB14</v>
      </c>
      <c r="B2" s="353"/>
      <c r="C2" s="353"/>
      <c r="D2" s="353"/>
      <c r="E2" s="353"/>
      <c r="F2" s="86"/>
      <c r="G2" s="86"/>
      <c r="H2" s="86"/>
      <c r="I2" s="86"/>
      <c r="J2" s="86"/>
      <c r="K2" s="86"/>
      <c r="L2" s="86"/>
    </row>
    <row r="3" spans="1:12" s="37" customFormat="1" ht="30" customHeight="1" x14ac:dyDescent="0.25">
      <c r="A3" s="354" t="s">
        <v>52</v>
      </c>
      <c r="B3" s="354"/>
      <c r="C3" s="354"/>
      <c r="D3" s="354"/>
      <c r="E3" s="354"/>
      <c r="F3" s="85"/>
      <c r="G3" s="85"/>
      <c r="H3" s="85"/>
      <c r="I3" s="85"/>
      <c r="J3" s="85"/>
      <c r="K3" s="85"/>
      <c r="L3" s="85"/>
    </row>
    <row r="4" spans="1:12" s="37" customFormat="1" ht="11.25" customHeight="1" x14ac:dyDescent="0.25">
      <c r="A4" s="239"/>
      <c r="B4" s="239"/>
      <c r="C4" s="239"/>
      <c r="D4" s="239"/>
      <c r="E4" s="239"/>
      <c r="F4" s="85"/>
      <c r="G4" s="85"/>
      <c r="H4" s="85"/>
      <c r="I4" s="85"/>
      <c r="J4" s="85"/>
      <c r="K4" s="85"/>
      <c r="L4" s="85"/>
    </row>
    <row r="5" spans="1:12" s="37" customFormat="1" ht="25.5" customHeight="1" thickBot="1" x14ac:dyDescent="0.3">
      <c r="A5" s="355" t="s">
        <v>138</v>
      </c>
      <c r="B5" s="355"/>
      <c r="C5" s="355"/>
      <c r="D5" s="355"/>
      <c r="E5" s="355"/>
      <c r="F5" s="85"/>
      <c r="G5" s="85"/>
      <c r="H5" s="85"/>
      <c r="I5" s="85"/>
      <c r="J5" s="85"/>
      <c r="K5" s="85"/>
      <c r="L5" s="85"/>
    </row>
    <row r="6" spans="1:12" s="35" customFormat="1" ht="94.5" customHeight="1" x14ac:dyDescent="0.25">
      <c r="A6" s="364" t="s">
        <v>49</v>
      </c>
      <c r="B6" s="365"/>
      <c r="C6" s="366"/>
      <c r="D6" s="356" t="s">
        <v>50</v>
      </c>
      <c r="E6" s="357"/>
    </row>
    <row r="7" spans="1:12" s="35" customFormat="1" ht="29.25" customHeight="1" thickBot="1" x14ac:dyDescent="0.3">
      <c r="A7" s="367"/>
      <c r="B7" s="368"/>
      <c r="C7" s="369"/>
      <c r="D7" s="279" t="s">
        <v>56</v>
      </c>
      <c r="E7" s="280" t="s">
        <v>51</v>
      </c>
    </row>
    <row r="8" spans="1:12" s="84" customFormat="1" ht="28.5" customHeight="1" thickBot="1" x14ac:dyDescent="0.3">
      <c r="A8" s="358" t="s">
        <v>139</v>
      </c>
      <c r="B8" s="359"/>
      <c r="C8" s="359"/>
      <c r="D8" s="359"/>
      <c r="E8" s="360"/>
    </row>
    <row r="9" spans="1:12" s="84" customFormat="1" ht="27.95" customHeight="1" x14ac:dyDescent="0.25">
      <c r="A9" s="281" t="s">
        <v>27</v>
      </c>
      <c r="B9" s="282" t="s">
        <v>100</v>
      </c>
      <c r="C9" s="283" t="s">
        <v>141</v>
      </c>
      <c r="D9" s="284"/>
      <c r="E9" s="285"/>
    </row>
    <row r="10" spans="1:12" s="84" customFormat="1" ht="27.95" customHeight="1" x14ac:dyDescent="0.25">
      <c r="A10" s="213" t="s">
        <v>28</v>
      </c>
      <c r="B10" s="243" t="s">
        <v>101</v>
      </c>
      <c r="C10" s="276" t="s">
        <v>142</v>
      </c>
      <c r="D10" s="141"/>
      <c r="E10" s="134"/>
    </row>
    <row r="11" spans="1:12" s="84" customFormat="1" ht="27.95" customHeight="1" x14ac:dyDescent="0.25">
      <c r="A11" s="213" t="s">
        <v>29</v>
      </c>
      <c r="B11" s="244" t="s">
        <v>102</v>
      </c>
      <c r="C11" s="276" t="s">
        <v>142</v>
      </c>
      <c r="D11" s="141"/>
      <c r="E11" s="134"/>
    </row>
    <row r="12" spans="1:12" s="84" customFormat="1" ht="27.95" customHeight="1" x14ac:dyDescent="0.25">
      <c r="A12" s="213" t="s">
        <v>30</v>
      </c>
      <c r="B12" s="244" t="s">
        <v>103</v>
      </c>
      <c r="C12" s="278" t="s">
        <v>111</v>
      </c>
      <c r="D12" s="141"/>
      <c r="E12" s="134"/>
    </row>
    <row r="13" spans="1:12" s="84" customFormat="1" ht="27.95" customHeight="1" x14ac:dyDescent="0.25">
      <c r="A13" s="213" t="s">
        <v>31</v>
      </c>
      <c r="B13" s="243" t="s">
        <v>133</v>
      </c>
      <c r="C13" s="276" t="s">
        <v>143</v>
      </c>
      <c r="D13" s="141"/>
      <c r="E13" s="134"/>
    </row>
    <row r="14" spans="1:12" s="84" customFormat="1" ht="27.95" customHeight="1" x14ac:dyDescent="0.25">
      <c r="A14" s="213" t="s">
        <v>32</v>
      </c>
      <c r="B14" s="243" t="s">
        <v>104</v>
      </c>
      <c r="C14" s="276" t="s">
        <v>144</v>
      </c>
      <c r="D14" s="141"/>
      <c r="E14" s="134"/>
    </row>
    <row r="15" spans="1:12" s="84" customFormat="1" ht="36.75" customHeight="1" x14ac:dyDescent="0.25">
      <c r="A15" s="213" t="s">
        <v>33</v>
      </c>
      <c r="B15" s="243" t="s">
        <v>105</v>
      </c>
      <c r="C15" s="278" t="s">
        <v>112</v>
      </c>
      <c r="D15" s="141"/>
      <c r="E15" s="134"/>
    </row>
    <row r="16" spans="1:12" s="84" customFormat="1" ht="36.75" customHeight="1" x14ac:dyDescent="0.25">
      <c r="A16" s="213" t="s">
        <v>127</v>
      </c>
      <c r="B16" s="243" t="s">
        <v>109</v>
      </c>
      <c r="C16" s="278" t="s">
        <v>110</v>
      </c>
      <c r="D16" s="141"/>
      <c r="E16" s="134"/>
    </row>
    <row r="17" spans="1:11" s="84" customFormat="1" ht="27.95" customHeight="1" x14ac:dyDescent="0.25">
      <c r="A17" s="213" t="s">
        <v>128</v>
      </c>
      <c r="B17" s="243" t="s">
        <v>106</v>
      </c>
      <c r="C17" s="278" t="s">
        <v>107</v>
      </c>
      <c r="D17" s="141"/>
      <c r="E17" s="134"/>
    </row>
    <row r="18" spans="1:11" s="84" customFormat="1" ht="52.5" customHeight="1" thickBot="1" x14ac:dyDescent="0.3">
      <c r="A18" s="214" t="s">
        <v>140</v>
      </c>
      <c r="B18" s="349" t="s">
        <v>108</v>
      </c>
      <c r="C18" s="350"/>
      <c r="D18" s="142"/>
      <c r="E18" s="198"/>
    </row>
    <row r="19" spans="1:11" s="84" customFormat="1" ht="12" customHeight="1" x14ac:dyDescent="0.25">
      <c r="A19" s="89"/>
      <c r="B19" s="90"/>
      <c r="C19" s="90"/>
      <c r="D19" s="91"/>
      <c r="E19" s="92"/>
    </row>
    <row r="20" spans="1:11" s="19" customFormat="1" ht="20.100000000000001" customHeight="1" x14ac:dyDescent="0.25">
      <c r="A20" s="361" t="s">
        <v>38</v>
      </c>
      <c r="B20" s="361"/>
      <c r="C20" s="361"/>
      <c r="D20" s="361"/>
      <c r="E20" s="361"/>
      <c r="F20" s="87"/>
      <c r="G20" s="87"/>
      <c r="H20" s="87"/>
      <c r="I20" s="87"/>
      <c r="J20" s="87"/>
      <c r="K20" s="87"/>
    </row>
    <row r="21" spans="1:11" s="19" customFormat="1" ht="20.100000000000001" customHeight="1" x14ac:dyDescent="0.25">
      <c r="A21" s="119"/>
      <c r="B21" s="119"/>
      <c r="C21" s="119"/>
      <c r="D21" s="119"/>
      <c r="E21" s="119"/>
      <c r="F21" s="87"/>
      <c r="G21" s="87"/>
      <c r="H21" s="87"/>
      <c r="I21" s="87"/>
      <c r="J21" s="87"/>
      <c r="K21" s="87"/>
    </row>
    <row r="22" spans="1:11" s="56" customFormat="1" ht="30" customHeight="1" x14ac:dyDescent="0.25">
      <c r="A22" s="362" t="s">
        <v>1</v>
      </c>
      <c r="B22" s="362"/>
      <c r="C22" s="240"/>
      <c r="D22" s="363" t="str">
        <f>IF('Príloha č. 1'!$C$6="","",'Príloha č. 1'!$C$6)</f>
        <v/>
      </c>
      <c r="E22" s="363"/>
      <c r="H22" s="57"/>
    </row>
    <row r="23" spans="1:11" s="56" customFormat="1" ht="15" customHeight="1" x14ac:dyDescent="0.25">
      <c r="A23" s="347" t="s">
        <v>2</v>
      </c>
      <c r="B23" s="347"/>
      <c r="C23" s="237"/>
      <c r="D23" s="348" t="str">
        <f>IF('Príloha č. 1'!$C$7="","",'Príloha č. 1'!$C$7)</f>
        <v/>
      </c>
      <c r="E23" s="348"/>
    </row>
    <row r="24" spans="1:11" s="56" customFormat="1" ht="15" customHeight="1" x14ac:dyDescent="0.25">
      <c r="A24" s="347" t="s">
        <v>3</v>
      </c>
      <c r="B24" s="347"/>
      <c r="C24" s="237"/>
      <c r="D24" s="348" t="str">
        <f>IF('Príloha č. 1'!C8:D8="","",'Príloha č. 1'!C8:D8)</f>
        <v/>
      </c>
      <c r="E24" s="348"/>
    </row>
    <row r="25" spans="1:11" s="56" customFormat="1" ht="15" customHeight="1" x14ac:dyDescent="0.25">
      <c r="A25" s="347" t="s">
        <v>4</v>
      </c>
      <c r="B25" s="347"/>
      <c r="C25" s="237"/>
      <c r="D25" s="348" t="str">
        <f>IF('Príloha č. 1'!C9:D9="","",'Príloha č. 1'!C9:D9)</f>
        <v/>
      </c>
      <c r="E25" s="348"/>
    </row>
    <row r="28" spans="1:11" ht="15" customHeight="1" x14ac:dyDescent="0.2">
      <c r="A28" s="36" t="s">
        <v>8</v>
      </c>
      <c r="B28" s="88" t="str">
        <f>IF('Príloha č. 1'!B23:B23="","",'Príloha č. 1'!B23:B23)</f>
        <v/>
      </c>
      <c r="C28" s="88"/>
      <c r="D28" s="242"/>
      <c r="F28" s="36"/>
      <c r="G28" s="36"/>
      <c r="H28" s="36"/>
    </row>
    <row r="29" spans="1:11" ht="15" customHeight="1" x14ac:dyDescent="0.2">
      <c r="A29" s="36" t="s">
        <v>9</v>
      </c>
      <c r="B29" s="28" t="str">
        <f>IF('Príloha č. 1'!B24:B24="","",'Príloha č. 1'!B24:B24)</f>
        <v/>
      </c>
      <c r="C29" s="28"/>
      <c r="D29" s="242"/>
      <c r="F29" s="36"/>
      <c r="G29" s="36"/>
      <c r="H29" s="36"/>
    </row>
    <row r="30" spans="1:11" ht="39.950000000000003" customHeight="1" x14ac:dyDescent="0.2">
      <c r="E30" s="73"/>
    </row>
    <row r="31" spans="1:11" ht="59.25" customHeight="1" x14ac:dyDescent="0.2">
      <c r="E31" s="241" t="s">
        <v>86</v>
      </c>
      <c r="F31" s="61"/>
      <c r="G31" s="61"/>
      <c r="H31" s="61"/>
    </row>
    <row r="32" spans="1:11" s="58" customFormat="1" x14ac:dyDescent="0.2">
      <c r="A32" s="351" t="s">
        <v>10</v>
      </c>
      <c r="B32" s="351"/>
      <c r="C32" s="238"/>
      <c r="D32" s="238"/>
      <c r="E32" s="61"/>
      <c r="F32" s="242"/>
      <c r="G32" s="242"/>
      <c r="H32" s="242"/>
    </row>
    <row r="33" spans="1:9" s="63" customFormat="1" ht="12" customHeight="1" x14ac:dyDescent="0.2">
      <c r="A33" s="59"/>
      <c r="B33" s="60" t="s">
        <v>11</v>
      </c>
      <c r="C33" s="60"/>
      <c r="D33" s="60"/>
      <c r="E33" s="45"/>
      <c r="F33" s="242"/>
      <c r="G33" s="242"/>
      <c r="H33" s="242"/>
      <c r="I33" s="61"/>
    </row>
  </sheetData>
  <mergeCells count="18">
    <mergeCell ref="A23:B23"/>
    <mergeCell ref="D23:E23"/>
    <mergeCell ref="A1:E1"/>
    <mergeCell ref="A2:E2"/>
    <mergeCell ref="A3:E3"/>
    <mergeCell ref="A5:E5"/>
    <mergeCell ref="A6:C7"/>
    <mergeCell ref="D6:E6"/>
    <mergeCell ref="A8:E8"/>
    <mergeCell ref="B18:C18"/>
    <mergeCell ref="A20:E20"/>
    <mergeCell ref="A22:B22"/>
    <mergeCell ref="D22:E22"/>
    <mergeCell ref="A24:B24"/>
    <mergeCell ref="D24:E24"/>
    <mergeCell ref="A25:B25"/>
    <mergeCell ref="D25:E25"/>
    <mergeCell ref="A32:B32"/>
  </mergeCells>
  <conditionalFormatting sqref="B28:C29">
    <cfRule type="containsBlanks" dxfId="18" priority="3">
      <formula>LEN(TRIM(B28))=0</formula>
    </cfRule>
  </conditionalFormatting>
  <conditionalFormatting sqref="D23:E25">
    <cfRule type="containsBlanks" dxfId="17" priority="2">
      <formula>LEN(TRIM(D23))=0</formula>
    </cfRule>
  </conditionalFormatting>
  <conditionalFormatting sqref="D22:E22">
    <cfRule type="containsBlanks" dxfId="16" priority="1">
      <formula>LEN(TRIM(D22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5">
    <tabColor theme="9" tint="0.39997558519241921"/>
    <pageSetUpPr fitToPage="1"/>
  </sheetPr>
  <dimension ref="A1:W24"/>
  <sheetViews>
    <sheetView showGridLines="0" zoomScale="80" zoomScaleNormal="80" workbookViewId="0">
      <selection activeCell="A4" sqref="A4:K4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10.5703125" style="36" customWidth="1"/>
    <col min="4" max="4" width="15" style="124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52" t="s">
        <v>12</v>
      </c>
      <c r="B1" s="352"/>
    </row>
    <row r="2" spans="1:23" ht="37.5" customHeight="1" x14ac:dyDescent="0.2">
      <c r="A2" s="353" t="str">
        <f>'Príloha č. 1'!A2:B2</f>
        <v>Lieky skupiny ATC B05BA10, C07AB14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</row>
    <row r="3" spans="1:23" s="37" customFormat="1" ht="42" customHeight="1" x14ac:dyDescent="0.25">
      <c r="A3" s="354" t="s">
        <v>44</v>
      </c>
      <c r="B3" s="354"/>
      <c r="C3" s="354"/>
      <c r="D3" s="354"/>
      <c r="E3" s="354"/>
      <c r="F3" s="354"/>
      <c r="G3" s="354"/>
      <c r="H3" s="354"/>
      <c r="I3" s="354"/>
      <c r="J3" s="354"/>
      <c r="K3" s="354"/>
    </row>
    <row r="4" spans="1:23" s="22" customFormat="1" ht="41.25" customHeight="1" thickBot="1" x14ac:dyDescent="0.25">
      <c r="A4" s="370" t="s">
        <v>125</v>
      </c>
      <c r="B4" s="370"/>
      <c r="C4" s="370"/>
      <c r="D4" s="370"/>
      <c r="E4" s="370"/>
      <c r="F4" s="370"/>
      <c r="G4" s="370"/>
      <c r="H4" s="370"/>
      <c r="I4" s="370"/>
      <c r="J4" s="370"/>
      <c r="K4" s="370"/>
      <c r="M4" s="38"/>
      <c r="N4" s="38"/>
      <c r="Q4" s="38"/>
      <c r="R4" s="38"/>
      <c r="W4" s="38"/>
    </row>
    <row r="5" spans="1:23" s="39" customFormat="1" ht="26.25" customHeight="1" x14ac:dyDescent="0.25">
      <c r="A5" s="371" t="s">
        <v>40</v>
      </c>
      <c r="B5" s="373" t="s">
        <v>66</v>
      </c>
      <c r="C5" s="375" t="s">
        <v>41</v>
      </c>
      <c r="D5" s="377" t="s">
        <v>67</v>
      </c>
      <c r="E5" s="379" t="s">
        <v>57</v>
      </c>
      <c r="F5" s="380"/>
      <c r="G5" s="380"/>
      <c r="H5" s="380"/>
      <c r="I5" s="381" t="s">
        <v>64</v>
      </c>
      <c r="J5" s="382"/>
      <c r="K5" s="383"/>
    </row>
    <row r="6" spans="1:23" s="39" customFormat="1" ht="38.25" customHeight="1" x14ac:dyDescent="0.25">
      <c r="A6" s="372"/>
      <c r="B6" s="374"/>
      <c r="C6" s="376"/>
      <c r="D6" s="378"/>
      <c r="E6" s="129" t="s">
        <v>42</v>
      </c>
      <c r="F6" s="129" t="s">
        <v>58</v>
      </c>
      <c r="G6" s="130" t="s">
        <v>63</v>
      </c>
      <c r="H6" s="131" t="s">
        <v>43</v>
      </c>
      <c r="I6" s="132" t="s">
        <v>42</v>
      </c>
      <c r="J6" s="130" t="s">
        <v>63</v>
      </c>
      <c r="K6" s="133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02" t="s">
        <v>32</v>
      </c>
      <c r="G7" s="69" t="s">
        <v>33</v>
      </c>
      <c r="H7" s="71" t="s">
        <v>34</v>
      </c>
      <c r="I7" s="72" t="s">
        <v>35</v>
      </c>
      <c r="J7" s="103" t="s">
        <v>36</v>
      </c>
      <c r="K7" s="70" t="s">
        <v>48</v>
      </c>
    </row>
    <row r="8" spans="1:23" s="47" customFormat="1" ht="54" customHeight="1" thickBot="1" x14ac:dyDescent="0.3">
      <c r="A8" s="66" t="s">
        <v>27</v>
      </c>
      <c r="B8" s="118" t="s">
        <v>131</v>
      </c>
      <c r="C8" s="46" t="s">
        <v>132</v>
      </c>
      <c r="D8" s="125">
        <v>1148</v>
      </c>
      <c r="E8" s="287"/>
      <c r="F8" s="288"/>
      <c r="G8" s="289">
        <f>E8*F8</f>
        <v>0</v>
      </c>
      <c r="H8" s="290">
        <f>E8+G8</f>
        <v>0</v>
      </c>
      <c r="I8" s="291">
        <f>D8*E8</f>
        <v>0</v>
      </c>
      <c r="J8" s="292">
        <f>F8*I8</f>
        <v>0</v>
      </c>
      <c r="K8" s="293">
        <f>I8+J8</f>
        <v>0</v>
      </c>
    </row>
    <row r="9" spans="1:23" s="67" customFormat="1" ht="22.5" customHeight="1" thickBot="1" x14ac:dyDescent="0.3">
      <c r="A9" s="104"/>
      <c r="B9" s="104"/>
      <c r="C9" s="104"/>
      <c r="D9" s="123">
        <f>SUM(D8:D8)</f>
        <v>1148</v>
      </c>
      <c r="E9" s="385" t="s">
        <v>62</v>
      </c>
      <c r="F9" s="385"/>
      <c r="G9" s="385"/>
      <c r="H9" s="385"/>
      <c r="I9" s="294">
        <f>SUM(I8:I8)</f>
        <v>0</v>
      </c>
      <c r="J9" s="104"/>
      <c r="K9" s="286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61" t="s">
        <v>38</v>
      </c>
      <c r="B11" s="361"/>
      <c r="C11" s="361"/>
      <c r="D11" s="361"/>
      <c r="E11" s="361"/>
      <c r="F11" s="361"/>
      <c r="G11" s="361"/>
    </row>
    <row r="12" spans="1:23" s="19" customFormat="1" ht="9" customHeight="1" x14ac:dyDescent="0.25">
      <c r="A12" s="199"/>
      <c r="B12" s="199"/>
      <c r="C12" s="199"/>
      <c r="D12" s="126"/>
      <c r="E12" s="199"/>
      <c r="F12" s="199"/>
      <c r="G12" s="199"/>
    </row>
    <row r="13" spans="1:23" s="56" customFormat="1" ht="15.75" customHeight="1" x14ac:dyDescent="0.25">
      <c r="A13" s="362" t="s">
        <v>1</v>
      </c>
      <c r="B13" s="362"/>
      <c r="C13" s="386" t="str">
        <f>IF('Príloha č. 1'!$C$6="","",'Príloha č. 1'!$C$6)</f>
        <v/>
      </c>
      <c r="D13" s="386"/>
      <c r="E13" s="386"/>
      <c r="F13" s="386"/>
      <c r="G13" s="386"/>
    </row>
    <row r="14" spans="1:23" s="56" customFormat="1" ht="15.75" customHeight="1" x14ac:dyDescent="0.25">
      <c r="A14" s="347" t="s">
        <v>2</v>
      </c>
      <c r="B14" s="347"/>
      <c r="C14" s="387" t="str">
        <f>IF('Príloha č. 1'!$C$7="","",'Príloha č. 1'!$C$7)</f>
        <v/>
      </c>
      <c r="D14" s="387"/>
      <c r="E14" s="387"/>
      <c r="F14" s="387"/>
      <c r="G14" s="387"/>
    </row>
    <row r="15" spans="1:23" s="56" customFormat="1" ht="15.75" customHeight="1" x14ac:dyDescent="0.25">
      <c r="A15" s="347" t="s">
        <v>3</v>
      </c>
      <c r="B15" s="347"/>
      <c r="C15" s="388" t="str">
        <f>IF('Príloha č. 1'!C8:D8="","",'Príloha č. 1'!C8:D8)</f>
        <v/>
      </c>
      <c r="D15" s="388"/>
      <c r="E15" s="388"/>
      <c r="F15" s="388"/>
      <c r="G15" s="388"/>
    </row>
    <row r="16" spans="1:23" s="56" customFormat="1" ht="15.75" customHeight="1" x14ac:dyDescent="0.25">
      <c r="A16" s="347" t="s">
        <v>4</v>
      </c>
      <c r="B16" s="347"/>
      <c r="C16" s="388" t="str">
        <f>IF('Príloha č. 1'!C9:D9="","",'Príloha č. 1'!C9:D9)</f>
        <v/>
      </c>
      <c r="D16" s="388"/>
      <c r="E16" s="388"/>
      <c r="F16" s="388"/>
      <c r="G16" s="388"/>
    </row>
    <row r="19" spans="1:11" ht="15.75" customHeight="1" x14ac:dyDescent="0.2">
      <c r="A19" s="36" t="s">
        <v>8</v>
      </c>
      <c r="B19" s="101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28"/>
      <c r="G21" s="128"/>
      <c r="H21" s="128"/>
      <c r="I21" s="100"/>
      <c r="J21" s="100"/>
      <c r="K21" s="100"/>
    </row>
    <row r="22" spans="1:11" ht="33.75" customHeight="1" x14ac:dyDescent="0.2">
      <c r="F22" s="389" t="s">
        <v>86</v>
      </c>
      <c r="G22" s="389"/>
      <c r="H22" s="389"/>
      <c r="I22" s="384"/>
      <c r="J22" s="384"/>
      <c r="K22" s="384"/>
    </row>
    <row r="23" spans="1:11" s="58" customFormat="1" ht="11.25" x14ac:dyDescent="0.2">
      <c r="A23" s="351" t="s">
        <v>10</v>
      </c>
      <c r="B23" s="351"/>
      <c r="D23" s="127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15" priority="4" operator="greaterThan">
      <formula>2560820</formula>
    </cfRule>
  </conditionalFormatting>
  <conditionalFormatting sqref="B19:B20">
    <cfRule type="containsBlanks" dxfId="14" priority="3">
      <formula>LEN(TRIM(B19))=0</formula>
    </cfRule>
  </conditionalFormatting>
  <conditionalFormatting sqref="E10:F10">
    <cfRule type="cellIs" dxfId="13" priority="2" operator="greaterThan">
      <formula>2560820</formula>
    </cfRule>
  </conditionalFormatting>
  <conditionalFormatting sqref="C13:G16">
    <cfRule type="containsBlanks" dxfId="12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A4" sqref="A4:K4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24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52" t="s">
        <v>12</v>
      </c>
      <c r="B1" s="352"/>
    </row>
    <row r="2" spans="1:23" ht="37.5" customHeight="1" x14ac:dyDescent="0.2">
      <c r="A2" s="353" t="str">
        <f>'Príloha č. 1'!A2:B2</f>
        <v>Lieky skupiny ATC B05BA10, C07AB14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</row>
    <row r="3" spans="1:23" s="37" customFormat="1" ht="42" customHeight="1" x14ac:dyDescent="0.25">
      <c r="A3" s="354" t="s">
        <v>44</v>
      </c>
      <c r="B3" s="354"/>
      <c r="C3" s="354"/>
      <c r="D3" s="354"/>
      <c r="E3" s="354"/>
      <c r="F3" s="354"/>
      <c r="G3" s="354"/>
      <c r="H3" s="354"/>
      <c r="I3" s="354"/>
      <c r="J3" s="354"/>
      <c r="K3" s="354"/>
    </row>
    <row r="4" spans="1:23" s="22" customFormat="1" ht="41.25" customHeight="1" thickBot="1" x14ac:dyDescent="0.25">
      <c r="A4" s="370" t="s">
        <v>138</v>
      </c>
      <c r="B4" s="370"/>
      <c r="C4" s="370"/>
      <c r="D4" s="370"/>
      <c r="E4" s="370"/>
      <c r="F4" s="370"/>
      <c r="G4" s="370"/>
      <c r="H4" s="370"/>
      <c r="I4" s="370"/>
      <c r="J4" s="370"/>
      <c r="K4" s="370"/>
      <c r="M4" s="38"/>
      <c r="N4" s="38"/>
      <c r="Q4" s="38"/>
      <c r="R4" s="38"/>
      <c r="W4" s="38"/>
    </row>
    <row r="5" spans="1:23" s="39" customFormat="1" ht="26.25" customHeight="1" x14ac:dyDescent="0.25">
      <c r="A5" s="371" t="s">
        <v>40</v>
      </c>
      <c r="B5" s="373" t="s">
        <v>66</v>
      </c>
      <c r="C5" s="375" t="s">
        <v>41</v>
      </c>
      <c r="D5" s="377" t="s">
        <v>67</v>
      </c>
      <c r="E5" s="379" t="s">
        <v>57</v>
      </c>
      <c r="F5" s="380"/>
      <c r="G5" s="380"/>
      <c r="H5" s="380"/>
      <c r="I5" s="381" t="s">
        <v>64</v>
      </c>
      <c r="J5" s="382"/>
      <c r="K5" s="383"/>
    </row>
    <row r="6" spans="1:23" s="39" customFormat="1" ht="38.25" customHeight="1" x14ac:dyDescent="0.25">
      <c r="A6" s="372"/>
      <c r="B6" s="374"/>
      <c r="C6" s="376"/>
      <c r="D6" s="378"/>
      <c r="E6" s="129" t="s">
        <v>42</v>
      </c>
      <c r="F6" s="129" t="s">
        <v>58</v>
      </c>
      <c r="G6" s="130" t="s">
        <v>63</v>
      </c>
      <c r="H6" s="131" t="s">
        <v>43</v>
      </c>
      <c r="I6" s="132" t="s">
        <v>42</v>
      </c>
      <c r="J6" s="130" t="s">
        <v>63</v>
      </c>
      <c r="K6" s="133" t="s">
        <v>43</v>
      </c>
    </row>
    <row r="7" spans="1:23" s="45" customFormat="1" ht="12" customHeight="1" x14ac:dyDescent="0.25">
      <c r="A7" s="65" t="s">
        <v>27</v>
      </c>
      <c r="B7" s="207" t="s">
        <v>28</v>
      </c>
      <c r="C7" s="43" t="s">
        <v>29</v>
      </c>
      <c r="D7" s="44" t="s">
        <v>30</v>
      </c>
      <c r="E7" s="68" t="s">
        <v>31</v>
      </c>
      <c r="F7" s="102" t="s">
        <v>32</v>
      </c>
      <c r="G7" s="69" t="s">
        <v>33</v>
      </c>
      <c r="H7" s="71" t="s">
        <v>34</v>
      </c>
      <c r="I7" s="72" t="s">
        <v>35</v>
      </c>
      <c r="J7" s="103" t="s">
        <v>36</v>
      </c>
      <c r="K7" s="70" t="s">
        <v>48</v>
      </c>
    </row>
    <row r="8" spans="1:23" s="204" customFormat="1" ht="27" customHeight="1" thickBot="1" x14ac:dyDescent="0.3">
      <c r="A8" s="66" t="s">
        <v>27</v>
      </c>
      <c r="B8" s="208" t="s">
        <v>142</v>
      </c>
      <c r="C8" s="46" t="s">
        <v>39</v>
      </c>
      <c r="D8" s="209">
        <v>1617</v>
      </c>
      <c r="E8" s="287"/>
      <c r="F8" s="288"/>
      <c r="G8" s="289">
        <f>E8*F8</f>
        <v>0</v>
      </c>
      <c r="H8" s="290">
        <f>E8+G8</f>
        <v>0</v>
      </c>
      <c r="I8" s="291">
        <f>D8*E8</f>
        <v>0</v>
      </c>
      <c r="J8" s="292">
        <f>F8*I8</f>
        <v>0</v>
      </c>
      <c r="K8" s="293">
        <f>I8+J8</f>
        <v>0</v>
      </c>
    </row>
    <row r="9" spans="1:23" s="67" customFormat="1" ht="22.5" customHeight="1" thickBot="1" x14ac:dyDescent="0.3">
      <c r="A9" s="104"/>
      <c r="B9" s="104"/>
      <c r="C9" s="104"/>
      <c r="D9" s="123">
        <f>SUM(D8:D8)</f>
        <v>1617</v>
      </c>
      <c r="E9" s="385" t="s">
        <v>113</v>
      </c>
      <c r="F9" s="385"/>
      <c r="G9" s="385"/>
      <c r="H9" s="385"/>
      <c r="I9" s="294">
        <f>SUM(I8:I8)</f>
        <v>0</v>
      </c>
      <c r="J9" s="104"/>
      <c r="K9" s="286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61" t="s">
        <v>38</v>
      </c>
      <c r="B11" s="361"/>
      <c r="C11" s="361"/>
      <c r="D11" s="361"/>
      <c r="E11" s="361"/>
      <c r="F11" s="361"/>
      <c r="G11" s="361"/>
    </row>
    <row r="12" spans="1:23" s="19" customFormat="1" ht="9" customHeight="1" x14ac:dyDescent="0.25">
      <c r="A12" s="203"/>
      <c r="B12" s="203"/>
      <c r="C12" s="203"/>
      <c r="D12" s="126"/>
      <c r="E12" s="203"/>
      <c r="F12" s="203"/>
      <c r="G12" s="203"/>
    </row>
    <row r="13" spans="1:23" s="56" customFormat="1" ht="15.75" customHeight="1" x14ac:dyDescent="0.25">
      <c r="A13" s="362" t="s">
        <v>1</v>
      </c>
      <c r="B13" s="362"/>
      <c r="C13" s="386" t="str">
        <f>IF('Príloha č. 1'!$C$6="","",'Príloha č. 1'!$C$6)</f>
        <v/>
      </c>
      <c r="D13" s="386"/>
      <c r="E13" s="386"/>
      <c r="F13" s="386"/>
      <c r="G13" s="386"/>
    </row>
    <row r="14" spans="1:23" s="56" customFormat="1" ht="15.75" customHeight="1" x14ac:dyDescent="0.25">
      <c r="A14" s="347" t="s">
        <v>2</v>
      </c>
      <c r="B14" s="347"/>
      <c r="C14" s="387" t="str">
        <f>IF('Príloha č. 1'!$C$7="","",'Príloha č. 1'!$C$7)</f>
        <v/>
      </c>
      <c r="D14" s="387"/>
      <c r="E14" s="387"/>
      <c r="F14" s="387"/>
      <c r="G14" s="387"/>
    </row>
    <row r="15" spans="1:23" s="56" customFormat="1" ht="15.75" customHeight="1" x14ac:dyDescent="0.25">
      <c r="A15" s="347" t="s">
        <v>3</v>
      </c>
      <c r="B15" s="347"/>
      <c r="C15" s="388" t="str">
        <f>IF('Príloha č. 1'!C8:D8="","",'Príloha č. 1'!C8:D8)</f>
        <v/>
      </c>
      <c r="D15" s="388"/>
      <c r="E15" s="388"/>
      <c r="F15" s="388"/>
      <c r="G15" s="388"/>
    </row>
    <row r="16" spans="1:23" s="56" customFormat="1" ht="15.75" customHeight="1" x14ac:dyDescent="0.25">
      <c r="A16" s="347" t="s">
        <v>4</v>
      </c>
      <c r="B16" s="347"/>
      <c r="C16" s="388" t="str">
        <f>IF('Príloha č. 1'!C9:D9="","",'Príloha č. 1'!C9:D9)</f>
        <v/>
      </c>
      <c r="D16" s="388"/>
      <c r="E16" s="388"/>
      <c r="F16" s="388"/>
      <c r="G16" s="388"/>
    </row>
    <row r="19" spans="1:11" ht="15.75" customHeight="1" x14ac:dyDescent="0.2">
      <c r="A19" s="36" t="s">
        <v>8</v>
      </c>
      <c r="B19" s="101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28"/>
      <c r="G21" s="128"/>
      <c r="H21" s="128"/>
      <c r="I21" s="100"/>
      <c r="J21" s="100"/>
      <c r="K21" s="100"/>
    </row>
    <row r="22" spans="1:11" ht="33.75" customHeight="1" x14ac:dyDescent="0.2">
      <c r="F22" s="389" t="s">
        <v>86</v>
      </c>
      <c r="G22" s="389"/>
      <c r="H22" s="389"/>
      <c r="I22" s="384"/>
      <c r="J22" s="384"/>
      <c r="K22" s="384"/>
    </row>
    <row r="23" spans="1:11" s="58" customFormat="1" ht="11.25" x14ac:dyDescent="0.2">
      <c r="A23" s="351" t="s">
        <v>10</v>
      </c>
      <c r="B23" s="351"/>
      <c r="D23" s="127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11" priority="4" operator="greaterThan">
      <formula>2560820</formula>
    </cfRule>
  </conditionalFormatting>
  <conditionalFormatting sqref="B19:B20">
    <cfRule type="containsBlanks" dxfId="10" priority="3">
      <formula>LEN(TRIM(B19))=0</formula>
    </cfRule>
  </conditionalFormatting>
  <conditionalFormatting sqref="E10:F10">
    <cfRule type="cellIs" dxfId="9" priority="2" operator="greaterThan">
      <formula>2560820</formula>
    </cfRule>
  </conditionalFormatting>
  <conditionalFormatting sqref="C13:G16">
    <cfRule type="containsBlanks" dxfId="8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5">
    <tabColor rgb="FFFFFF00"/>
    <pageSetUpPr fitToPage="1"/>
  </sheetPr>
  <dimension ref="A1:U28"/>
  <sheetViews>
    <sheetView showGridLines="0" zoomScale="80" zoomScaleNormal="80" workbookViewId="0">
      <selection activeCell="N10" sqref="N10:P12"/>
    </sheetView>
  </sheetViews>
  <sheetFormatPr defaultRowHeight="12.75" x14ac:dyDescent="0.2"/>
  <cols>
    <col min="1" max="1" width="5.28515625" style="36" customWidth="1"/>
    <col min="2" max="2" width="15.140625" style="36" customWidth="1"/>
    <col min="3" max="3" width="14" style="36" customWidth="1"/>
    <col min="4" max="4" width="12.7109375" style="140" customWidth="1"/>
    <col min="5" max="5" width="21.85546875" style="140" customWidth="1"/>
    <col min="6" max="6" width="19.7109375" style="140" customWidth="1"/>
    <col min="7" max="7" width="12.7109375" style="140" customWidth="1"/>
    <col min="8" max="8" width="15.7109375" style="140" customWidth="1"/>
    <col min="9" max="9" width="12.7109375" style="36" customWidth="1"/>
    <col min="10" max="12" width="12.85546875" style="36" customWidth="1"/>
    <col min="13" max="13" width="11.14062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8" width="9.140625" style="36"/>
    <col min="19" max="19" width="5.85546875" style="36" customWidth="1"/>
    <col min="20" max="16384" width="9.140625" style="36"/>
  </cols>
  <sheetData>
    <row r="1" spans="1:21" ht="15" customHeight="1" x14ac:dyDescent="0.2">
      <c r="A1" s="352" t="s">
        <v>12</v>
      </c>
      <c r="B1" s="352"/>
      <c r="C1" s="138"/>
    </row>
    <row r="2" spans="1:21" ht="15" customHeight="1" x14ac:dyDescent="0.2">
      <c r="A2" s="353" t="str">
        <f>'Príloha č. 1'!A2:B2</f>
        <v>Lieky skupiny ATC B05BA10, C07AB14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  <c r="L2" s="353"/>
      <c r="M2" s="353"/>
      <c r="N2" s="353"/>
      <c r="O2" s="353"/>
      <c r="P2" s="353"/>
    </row>
    <row r="3" spans="1:21" ht="15" customHeight="1" x14ac:dyDescent="0.2">
      <c r="A3" s="392"/>
      <c r="B3" s="392"/>
      <c r="C3" s="140"/>
    </row>
    <row r="4" spans="1:21" s="37" customFormat="1" ht="41.25" customHeight="1" x14ac:dyDescent="0.25">
      <c r="A4" s="393" t="s">
        <v>45</v>
      </c>
      <c r="B4" s="393"/>
      <c r="C4" s="393"/>
      <c r="D4" s="393"/>
      <c r="E4" s="393"/>
      <c r="F4" s="393"/>
      <c r="G4" s="393"/>
      <c r="H4" s="393"/>
      <c r="I4" s="393"/>
      <c r="J4" s="393"/>
      <c r="K4" s="393"/>
      <c r="L4" s="393"/>
      <c r="M4" s="393"/>
      <c r="N4" s="393"/>
      <c r="O4" s="393"/>
      <c r="P4" s="393"/>
    </row>
    <row r="5" spans="1:21" s="22" customFormat="1" ht="20.25" customHeight="1" x14ac:dyDescent="0.2">
      <c r="A5" s="394" t="s">
        <v>125</v>
      </c>
      <c r="B5" s="394"/>
      <c r="C5" s="394"/>
      <c r="D5" s="394"/>
      <c r="E5" s="394"/>
      <c r="F5" s="394"/>
      <c r="G5" s="394"/>
      <c r="H5" s="394"/>
      <c r="I5" s="394"/>
      <c r="J5" s="394"/>
      <c r="K5" s="394"/>
      <c r="L5" s="394"/>
      <c r="M5" s="394"/>
      <c r="N5" s="394"/>
      <c r="O5" s="394"/>
      <c r="P5" s="394"/>
      <c r="Q5" s="394"/>
      <c r="S5" s="38"/>
      <c r="U5" s="38"/>
    </row>
    <row r="6" spans="1:21" s="56" customFormat="1" ht="23.25" customHeight="1" thickBot="1" x14ac:dyDescent="0.3">
      <c r="A6" s="390" t="s">
        <v>126</v>
      </c>
      <c r="B6" s="391"/>
      <c r="C6" s="391"/>
      <c r="D6" s="391"/>
      <c r="E6" s="391"/>
      <c r="F6" s="391"/>
      <c r="G6" s="391"/>
      <c r="H6" s="391"/>
      <c r="I6" s="391"/>
      <c r="J6" s="391"/>
      <c r="K6" s="391"/>
      <c r="L6" s="391"/>
      <c r="M6" s="391"/>
      <c r="N6" s="391"/>
      <c r="O6" s="391"/>
      <c r="P6" s="391"/>
    </row>
    <row r="7" spans="1:21" s="39" customFormat="1" ht="24.75" customHeight="1" x14ac:dyDescent="0.25">
      <c r="A7" s="395" t="s">
        <v>40</v>
      </c>
      <c r="B7" s="399" t="s">
        <v>46</v>
      </c>
      <c r="C7" s="399" t="s">
        <v>114</v>
      </c>
      <c r="D7" s="395" t="s">
        <v>115</v>
      </c>
      <c r="E7" s="395" t="s">
        <v>116</v>
      </c>
      <c r="F7" s="395" t="s">
        <v>47</v>
      </c>
      <c r="G7" s="395" t="s">
        <v>117</v>
      </c>
      <c r="H7" s="395" t="s">
        <v>118</v>
      </c>
      <c r="I7" s="395" t="s">
        <v>119</v>
      </c>
      <c r="J7" s="395" t="s">
        <v>120</v>
      </c>
      <c r="K7" s="395" t="s">
        <v>121</v>
      </c>
      <c r="L7" s="395" t="s">
        <v>122</v>
      </c>
      <c r="M7" s="395" t="s">
        <v>123</v>
      </c>
      <c r="N7" s="400" t="s">
        <v>57</v>
      </c>
      <c r="O7" s="400"/>
      <c r="P7" s="401"/>
      <c r="Q7" s="402" t="s">
        <v>68</v>
      </c>
    </row>
    <row r="8" spans="1:21" s="39" customFormat="1" ht="64.5" customHeight="1" x14ac:dyDescent="0.25">
      <c r="A8" s="395"/>
      <c r="B8" s="399"/>
      <c r="C8" s="399"/>
      <c r="D8" s="395"/>
      <c r="E8" s="395"/>
      <c r="F8" s="395"/>
      <c r="G8" s="395"/>
      <c r="H8" s="395"/>
      <c r="I8" s="395"/>
      <c r="J8" s="395"/>
      <c r="K8" s="395"/>
      <c r="L8" s="395"/>
      <c r="M8" s="395"/>
      <c r="N8" s="40" t="s">
        <v>42</v>
      </c>
      <c r="O8" s="41" t="s">
        <v>59</v>
      </c>
      <c r="P8" s="136" t="s">
        <v>43</v>
      </c>
      <c r="Q8" s="403"/>
    </row>
    <row r="9" spans="1:21" s="45" customFormat="1" ht="12" customHeight="1" x14ac:dyDescent="0.25">
      <c r="A9" s="256" t="s">
        <v>27</v>
      </c>
      <c r="B9" s="257" t="s">
        <v>28</v>
      </c>
      <c r="C9" s="258" t="s">
        <v>29</v>
      </c>
      <c r="D9" s="259" t="s">
        <v>30</v>
      </c>
      <c r="E9" s="259" t="s">
        <v>31</v>
      </c>
      <c r="F9" s="260" t="s">
        <v>32</v>
      </c>
      <c r="G9" s="261" t="s">
        <v>33</v>
      </c>
      <c r="H9" s="262" t="s">
        <v>34</v>
      </c>
      <c r="I9" s="263" t="s">
        <v>35</v>
      </c>
      <c r="J9" s="264">
        <v>10</v>
      </c>
      <c r="K9" s="264">
        <v>11</v>
      </c>
      <c r="L9" s="264">
        <v>12</v>
      </c>
      <c r="M9" s="264">
        <v>13</v>
      </c>
      <c r="N9" s="76">
        <v>14</v>
      </c>
      <c r="O9" s="75">
        <v>15</v>
      </c>
      <c r="P9" s="137">
        <v>16</v>
      </c>
      <c r="Q9" s="135">
        <v>17</v>
      </c>
    </row>
    <row r="10" spans="1:21" s="47" customFormat="1" ht="29.1" customHeight="1" x14ac:dyDescent="0.25">
      <c r="A10" s="80"/>
      <c r="B10" s="105"/>
      <c r="C10" s="108"/>
      <c r="D10" s="253"/>
      <c r="E10" s="265"/>
      <c r="F10" s="253"/>
      <c r="G10" s="270"/>
      <c r="H10" s="265"/>
      <c r="I10" s="81"/>
      <c r="J10" s="81"/>
      <c r="K10" s="81"/>
      <c r="L10" s="81"/>
      <c r="M10" s="81"/>
      <c r="N10" s="295"/>
      <c r="O10" s="296"/>
      <c r="P10" s="297"/>
      <c r="Q10" s="396" t="s">
        <v>147</v>
      </c>
    </row>
    <row r="11" spans="1:21" s="47" customFormat="1" ht="29.1" customHeight="1" x14ac:dyDescent="0.25">
      <c r="A11" s="111"/>
      <c r="B11" s="106"/>
      <c r="C11" s="109"/>
      <c r="D11" s="254"/>
      <c r="E11" s="266"/>
      <c r="F11" s="267"/>
      <c r="G11" s="266"/>
      <c r="H11" s="267"/>
      <c r="I11" s="82"/>
      <c r="J11" s="82"/>
      <c r="K11" s="82"/>
      <c r="L11" s="82"/>
      <c r="M11" s="82"/>
      <c r="N11" s="298"/>
      <c r="O11" s="299"/>
      <c r="P11" s="300"/>
      <c r="Q11" s="397"/>
    </row>
    <row r="12" spans="1:21" s="47" customFormat="1" ht="29.1" customHeight="1" thickBot="1" x14ac:dyDescent="0.3">
      <c r="A12" s="112"/>
      <c r="B12" s="107"/>
      <c r="C12" s="110"/>
      <c r="D12" s="255"/>
      <c r="E12" s="268"/>
      <c r="F12" s="269"/>
      <c r="G12" s="268"/>
      <c r="H12" s="269"/>
      <c r="I12" s="83"/>
      <c r="J12" s="83"/>
      <c r="K12" s="83"/>
      <c r="L12" s="83"/>
      <c r="M12" s="83"/>
      <c r="N12" s="301"/>
      <c r="O12" s="302"/>
      <c r="P12" s="303"/>
      <c r="Q12" s="398"/>
    </row>
    <row r="13" spans="1:21" s="22" customFormat="1" ht="24.75" customHeight="1" x14ac:dyDescent="0.2">
      <c r="A13" s="215"/>
      <c r="B13" s="215"/>
      <c r="C13" s="215"/>
      <c r="D13" s="215"/>
      <c r="E13" s="215"/>
      <c r="F13" s="215"/>
      <c r="G13" s="215"/>
      <c r="H13" s="215"/>
      <c r="I13" s="215"/>
      <c r="J13" s="252"/>
      <c r="K13" s="252"/>
      <c r="L13" s="252"/>
      <c r="M13" s="252"/>
      <c r="N13" s="215"/>
      <c r="O13" s="215"/>
      <c r="P13" s="215"/>
      <c r="S13" s="38"/>
      <c r="U13" s="38"/>
    </row>
    <row r="14" spans="1:21" s="47" customFormat="1" ht="24.95" customHeight="1" x14ac:dyDescent="0.25">
      <c r="A14" s="95"/>
      <c r="B14" s="120"/>
      <c r="C14" s="120"/>
      <c r="D14" s="95"/>
      <c r="E14" s="95"/>
      <c r="F14" s="95"/>
      <c r="G14" s="95"/>
      <c r="H14" s="95"/>
      <c r="I14" s="95"/>
      <c r="J14" s="95"/>
      <c r="K14" s="95"/>
      <c r="L14" s="95"/>
      <c r="M14" s="95"/>
      <c r="N14" s="121"/>
      <c r="O14" s="122"/>
      <c r="P14" s="121"/>
    </row>
    <row r="15" spans="1:21" s="19" customFormat="1" ht="20.100000000000001" customHeight="1" x14ac:dyDescent="0.25">
      <c r="A15" s="361" t="s">
        <v>38</v>
      </c>
      <c r="B15" s="361"/>
      <c r="C15" s="361"/>
      <c r="D15" s="361"/>
      <c r="E15" s="361"/>
      <c r="F15" s="361"/>
      <c r="G15" s="361"/>
      <c r="H15" s="361"/>
      <c r="I15" s="361"/>
      <c r="J15" s="361"/>
      <c r="K15" s="361"/>
      <c r="L15" s="361"/>
      <c r="M15" s="361"/>
      <c r="N15" s="361"/>
      <c r="O15" s="361"/>
    </row>
    <row r="16" spans="1:21" s="19" customFormat="1" ht="20.100000000000001" customHeight="1" x14ac:dyDescent="0.25">
      <c r="A16" s="119"/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  <c r="M16" s="119"/>
      <c r="N16" s="119"/>
      <c r="O16" s="119"/>
    </row>
    <row r="17" spans="1:16" s="56" customFormat="1" ht="15" customHeight="1" x14ac:dyDescent="0.25">
      <c r="A17" s="362" t="s">
        <v>1</v>
      </c>
      <c r="B17" s="362"/>
      <c r="C17" s="386" t="str">
        <f>IF('Príloha č. 1'!$C$6="","",'Príloha č. 1'!$C$6)</f>
        <v/>
      </c>
      <c r="D17" s="386"/>
      <c r="E17" s="64"/>
      <c r="F17" s="64"/>
      <c r="N17" s="57"/>
    </row>
    <row r="18" spans="1:16" s="56" customFormat="1" ht="15" customHeight="1" x14ac:dyDescent="0.25">
      <c r="A18" s="347" t="s">
        <v>2</v>
      </c>
      <c r="B18" s="347"/>
      <c r="C18" s="387" t="str">
        <f>IF('Príloha č. 1'!$C$7="","",'Príloha č. 1'!$C$7)</f>
        <v/>
      </c>
      <c r="D18" s="387"/>
      <c r="E18" s="47"/>
      <c r="F18" s="47"/>
    </row>
    <row r="19" spans="1:16" s="56" customFormat="1" ht="15" customHeight="1" x14ac:dyDescent="0.25">
      <c r="A19" s="347" t="s">
        <v>3</v>
      </c>
      <c r="B19" s="347"/>
      <c r="C19" s="388" t="str">
        <f>IF('Príloha č. 1'!C8:D8="","",'Príloha č. 1'!C8:D8)</f>
        <v/>
      </c>
      <c r="D19" s="388"/>
      <c r="E19" s="47"/>
      <c r="F19" s="47"/>
    </row>
    <row r="20" spans="1:16" s="56" customFormat="1" ht="15" customHeight="1" x14ac:dyDescent="0.25">
      <c r="A20" s="347" t="s">
        <v>4</v>
      </c>
      <c r="B20" s="347"/>
      <c r="C20" s="388" t="str">
        <f>IF('Príloha č. 1'!C9:D9="","",'Príloha č. 1'!C9:D9)</f>
        <v/>
      </c>
      <c r="D20" s="388"/>
      <c r="E20" s="47"/>
      <c r="F20" s="47"/>
    </row>
    <row r="23" spans="1:16" ht="15" customHeight="1" x14ac:dyDescent="0.2">
      <c r="A23" s="36" t="s">
        <v>8</v>
      </c>
      <c r="B23" s="101" t="str">
        <f>IF('Príloha č. 1'!B23:B23="","",'Príloha č. 1'!B23:B23)</f>
        <v/>
      </c>
      <c r="C23" s="140"/>
      <c r="F23" s="36"/>
      <c r="G23" s="36"/>
      <c r="H23" s="36"/>
    </row>
    <row r="24" spans="1:16" ht="15" customHeight="1" x14ac:dyDescent="0.2">
      <c r="A24" s="36" t="s">
        <v>9</v>
      </c>
      <c r="B24" s="28" t="str">
        <f>IF('Príloha č. 1'!B24:B24="","",'Príloha č. 1'!B24:B24)</f>
        <v/>
      </c>
      <c r="C24" s="140"/>
      <c r="F24" s="36"/>
      <c r="G24" s="36"/>
      <c r="H24" s="36"/>
    </row>
    <row r="25" spans="1:16" ht="39.950000000000003" customHeight="1" x14ac:dyDescent="0.2">
      <c r="G25" s="352" t="s">
        <v>65</v>
      </c>
      <c r="H25" s="352"/>
      <c r="O25" s="100"/>
      <c r="P25" s="74"/>
    </row>
    <row r="26" spans="1:16" ht="45" customHeight="1" x14ac:dyDescent="0.2">
      <c r="E26" s="61"/>
      <c r="F26" s="384" t="s">
        <v>99</v>
      </c>
      <c r="G26" s="384"/>
      <c r="H26" s="384"/>
      <c r="I26" s="384"/>
      <c r="J26" s="250"/>
      <c r="K26" s="250"/>
      <c r="L26" s="250"/>
      <c r="M26" s="250"/>
      <c r="O26" s="384"/>
      <c r="P26" s="384"/>
    </row>
    <row r="27" spans="1:16" s="58" customFormat="1" x14ac:dyDescent="0.2">
      <c r="A27" s="351" t="s">
        <v>10</v>
      </c>
      <c r="B27" s="351"/>
      <c r="C27" s="139"/>
      <c r="D27" s="61"/>
      <c r="E27" s="140"/>
      <c r="F27" s="140"/>
      <c r="G27" s="140"/>
      <c r="H27" s="140"/>
    </row>
    <row r="28" spans="1:16" s="63" customFormat="1" ht="30" customHeight="1" x14ac:dyDescent="0.2">
      <c r="A28" s="59"/>
      <c r="B28" s="60" t="s">
        <v>11</v>
      </c>
      <c r="C28" s="60"/>
      <c r="D28" s="45"/>
      <c r="E28" s="140"/>
      <c r="F28" s="140"/>
      <c r="G28" s="140"/>
      <c r="H28" s="140"/>
      <c r="I28" s="61"/>
      <c r="J28" s="61"/>
      <c r="K28" s="61"/>
      <c r="L28" s="61"/>
      <c r="M28" s="61"/>
    </row>
  </sheetData>
  <mergeCells count="35">
    <mergeCell ref="L7:L8"/>
    <mergeCell ref="Q10:Q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N7:P7"/>
    <mergeCell ref="Q7:Q8"/>
    <mergeCell ref="J7:J8"/>
    <mergeCell ref="K7:K8"/>
    <mergeCell ref="M7:M8"/>
    <mergeCell ref="A6:P6"/>
    <mergeCell ref="A1:B1"/>
    <mergeCell ref="A2:P2"/>
    <mergeCell ref="A3:B3"/>
    <mergeCell ref="A4:P4"/>
    <mergeCell ref="A5:Q5"/>
    <mergeCell ref="A27:B27"/>
    <mergeCell ref="A15:O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O26:P26"/>
  </mergeCells>
  <conditionalFormatting sqref="B23:B24">
    <cfRule type="containsBlanks" dxfId="7" priority="2">
      <formula>LEN(TRIM(B23))=0</formula>
    </cfRule>
  </conditionalFormatting>
  <conditionalFormatting sqref="C17:D20">
    <cfRule type="containsBlanks" dxfId="6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2</vt:i4>
      </vt:variant>
      <vt:variant>
        <vt:lpstr>Pomenované rozsahy</vt:lpstr>
      </vt:variant>
      <vt:variant>
        <vt:i4>12</vt:i4>
      </vt:variant>
    </vt:vector>
  </HeadingPairs>
  <TitlesOfParts>
    <vt:vector size="24" baseType="lpstr">
      <vt:lpstr>Príloha č. 1</vt:lpstr>
      <vt:lpstr>Príloha č. 2</vt:lpstr>
      <vt:lpstr>Príloha č. 3</vt:lpstr>
      <vt:lpstr>Príloha č. 4 </vt:lpstr>
      <vt:lpstr>Príloha č. 5 - časť 1</vt:lpstr>
      <vt:lpstr>Príloha č. 5 - časť 2</vt:lpstr>
      <vt:lpstr> Príloha č. 6 - časť 1</vt:lpstr>
      <vt:lpstr> Príloha č. 6 - časť 2</vt:lpstr>
      <vt:lpstr>Príloha č. 7 - časť 1 </vt:lpstr>
      <vt:lpstr>Príloha č. 7 - časť 2</vt:lpstr>
      <vt:lpstr>Príloha č. 8</vt:lpstr>
      <vt:lpstr>Príloha č. 9</vt:lpstr>
      <vt:lpstr>' Príloha č. 6 - časť 1'!Oblasť_tlače</vt:lpstr>
      <vt:lpstr>' Príloha č. 6 - časť 2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- časť 1'!Oblasť_tlače</vt:lpstr>
      <vt:lpstr>'Príloha č. 5 - časť 2'!Oblasť_tlače</vt:lpstr>
      <vt:lpstr>'Príloha č. 7 - časť 1 '!Oblasť_tlače</vt:lpstr>
      <vt:lpstr>'Príloha č. 7 - časť 2'!Oblasť_tlače</vt:lpstr>
      <vt:lpstr>'Príloha č. 8'!Oblasť_tlače</vt:lpstr>
      <vt:lpstr>'Príloha č. 9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atarína Duláková</cp:lastModifiedBy>
  <cp:lastPrinted>2025-07-16T09:33:36Z</cp:lastPrinted>
  <dcterms:created xsi:type="dcterms:W3CDTF">2015-02-18T09:10:07Z</dcterms:created>
  <dcterms:modified xsi:type="dcterms:W3CDTF">2025-10-16T06:17:12Z</dcterms:modified>
</cp:coreProperties>
</file>